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504\20_調査\01_一般廃棄物処理事業実績\02_一般廃棄物処理事業の概要\R06\10_完成版\20_エクセル版\Hp用_コンテンツ\"/>
    </mc:Choice>
  </mc:AlternateContent>
  <xr:revisionPtr revIDLastSave="0" documentId="13_ncr:1_{E58C7C13-1C53-4D7E-AA02-259AF310AD0E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表4-1" sheetId="2" r:id="rId1"/>
    <sheet name="表4-2" sheetId="3" r:id="rId2"/>
    <sheet name="表4-3" sheetId="4" r:id="rId3"/>
    <sheet name="表4-4" sheetId="5" r:id="rId4"/>
    <sheet name="表4-5" sheetId="6" r:id="rId5"/>
    <sheet name="表4-6" sheetId="7" r:id="rId6"/>
    <sheet name="表4-7" sheetId="8" r:id="rId7"/>
  </sheets>
  <definedNames>
    <definedName name="_xlnm.Print_Area" localSheetId="0">'表4-1'!$A$1:$X$48</definedName>
    <definedName name="_xlnm.Print_Area" localSheetId="1">'表4-2'!$A$1:$Q$45</definedName>
    <definedName name="_xlnm.Print_Area" localSheetId="2">'表4-3'!$A$1:$R$43</definedName>
    <definedName name="_xlnm.Print_Area" localSheetId="3">'表4-4'!$A$1:$Q$49</definedName>
    <definedName name="_xlnm.Print_Area" localSheetId="4">'表4-5'!$A$1:$U$48</definedName>
    <definedName name="_xlnm.Print_Area" localSheetId="5">'表4-6'!$A$1:$J$45</definedName>
    <definedName name="_xlnm.Print_Area" localSheetId="6">'表4-7'!$A$1:$F$19</definedName>
    <definedName name="年度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L5" authorId="0" shapeId="0" xr:uid="{00000000-0006-0000-0300-000001000000}">
      <text>
        <r>
          <rPr>
            <sz val="9"/>
            <color indexed="81"/>
            <rFont val="ＭＳ Ｐゴシック"/>
            <family val="3"/>
            <charset val="128"/>
          </rPr>
          <t>本数値は、総排出量（自家処理量を除く）と自家処理人口からの推計値であるため、来年度は削るか要相談。</t>
        </r>
      </text>
    </comment>
  </commentList>
</comments>
</file>

<file path=xl/sharedStrings.xml><?xml version="1.0" encoding="utf-8"?>
<sst xmlns="http://schemas.openxmlformats.org/spreadsheetml/2006/main" count="1363" uniqueCount="213">
  <si>
    <t>１　し尿及び浄化槽汚泥の処理体制</t>
    <rPh sb="2" eb="4">
      <t>シニョウ</t>
    </rPh>
    <rPh sb="4" eb="5">
      <t>オヨ</t>
    </rPh>
    <rPh sb="6" eb="9">
      <t>ジョウカソウ</t>
    </rPh>
    <rPh sb="9" eb="11">
      <t>オデイ</t>
    </rPh>
    <rPh sb="12" eb="14">
      <t>ショリ</t>
    </rPh>
    <rPh sb="14" eb="16">
      <t>タイセイ</t>
    </rPh>
    <phoneticPr fontId="5"/>
  </si>
  <si>
    <t>表Ⅳ－１   収集し尿及び浄化槽汚泥の処理体制</t>
    <rPh sb="0" eb="1">
      <t>ヒョウ</t>
    </rPh>
    <rPh sb="7" eb="9">
      <t>シュウシュウ</t>
    </rPh>
    <rPh sb="9" eb="11">
      <t>シニョウ</t>
    </rPh>
    <rPh sb="11" eb="12">
      <t>オヨ</t>
    </rPh>
    <rPh sb="13" eb="16">
      <t>ジョウカソウ</t>
    </rPh>
    <rPh sb="16" eb="18">
      <t>オデイ</t>
    </rPh>
    <rPh sb="19" eb="21">
      <t>ショリ</t>
    </rPh>
    <rPh sb="21" eb="23">
      <t>タイセイ</t>
    </rPh>
    <phoneticPr fontId="5"/>
  </si>
  <si>
    <t>し尿</t>
    <rPh sb="0" eb="2">
      <t>シニョウ</t>
    </rPh>
    <phoneticPr fontId="5"/>
  </si>
  <si>
    <t>浄化槽汚泥</t>
    <rPh sb="0" eb="3">
      <t>ジョウカソウ</t>
    </rPh>
    <rPh sb="3" eb="5">
      <t>オデイ</t>
    </rPh>
    <phoneticPr fontId="5"/>
  </si>
  <si>
    <t>許可
業者数</t>
    <rPh sb="0" eb="2">
      <t>キョカ</t>
    </rPh>
    <rPh sb="3" eb="5">
      <t>ギョウシャ</t>
    </rPh>
    <rPh sb="5" eb="6">
      <t>スウ</t>
    </rPh>
    <phoneticPr fontId="5"/>
  </si>
  <si>
    <t>処理体制</t>
  </si>
  <si>
    <t>処理方法</t>
    <rPh sb="2" eb="4">
      <t>ホウホウ</t>
    </rPh>
    <phoneticPr fontId="5"/>
  </si>
  <si>
    <t xml:space="preserve">処理方法  </t>
    <rPh sb="0" eb="4">
      <t>ショリホウホウ</t>
    </rPh>
    <phoneticPr fontId="5"/>
  </si>
  <si>
    <t>し尿</t>
    <rPh sb="1" eb="2">
      <t>ニョウ</t>
    </rPh>
    <phoneticPr fontId="5"/>
  </si>
  <si>
    <t>市町村名</t>
    <rPh sb="0" eb="3">
      <t>シチョウソン</t>
    </rPh>
    <rPh sb="3" eb="4">
      <t>メイ</t>
    </rPh>
    <phoneticPr fontId="5"/>
  </si>
  <si>
    <t>収集・運搬</t>
    <rPh sb="0" eb="2">
      <t>シュウシュウ</t>
    </rPh>
    <rPh sb="3" eb="5">
      <t>ウンパン</t>
    </rPh>
    <phoneticPr fontId="5"/>
  </si>
  <si>
    <t>中間
処理</t>
    <rPh sb="0" eb="2">
      <t>チュウカン</t>
    </rPh>
    <rPh sb="3" eb="5">
      <t>ショリ</t>
    </rPh>
    <phoneticPr fontId="5"/>
  </si>
  <si>
    <t>施</t>
    <rPh sb="0" eb="1">
      <t>シセツ</t>
    </rPh>
    <phoneticPr fontId="5"/>
  </si>
  <si>
    <t>下</t>
    <rPh sb="0" eb="1">
      <t>シタ</t>
    </rPh>
    <phoneticPr fontId="5"/>
  </si>
  <si>
    <t>そ</t>
    <phoneticPr fontId="5"/>
  </si>
  <si>
    <t>収集・運搬</t>
  </si>
  <si>
    <t>中間処理</t>
    <rPh sb="0" eb="2">
      <t>チュウカン</t>
    </rPh>
    <rPh sb="2" eb="4">
      <t>ショリ</t>
    </rPh>
    <phoneticPr fontId="5"/>
  </si>
  <si>
    <t>収集
運搬</t>
    <rPh sb="0" eb="2">
      <t>シュウシュウ</t>
    </rPh>
    <rPh sb="3" eb="5">
      <t>ウンパン</t>
    </rPh>
    <phoneticPr fontId="5"/>
  </si>
  <si>
    <t>清掃業</t>
    <rPh sb="0" eb="3">
      <t>セイソウギョウ</t>
    </rPh>
    <phoneticPr fontId="5"/>
  </si>
  <si>
    <t>直</t>
    <rPh sb="0" eb="1">
      <t>チョク</t>
    </rPh>
    <phoneticPr fontId="5"/>
  </si>
  <si>
    <t>組</t>
    <rPh sb="0" eb="1">
      <t>クミ</t>
    </rPh>
    <phoneticPr fontId="5"/>
  </si>
  <si>
    <t>委</t>
    <rPh sb="0" eb="1">
      <t>イ</t>
    </rPh>
    <phoneticPr fontId="5"/>
  </si>
  <si>
    <t>許</t>
    <rPh sb="0" eb="1">
      <t>キョカ</t>
    </rPh>
    <phoneticPr fontId="5"/>
  </si>
  <si>
    <t>他</t>
    <rPh sb="0" eb="1">
      <t>ホカ</t>
    </rPh>
    <phoneticPr fontId="5"/>
  </si>
  <si>
    <t>委</t>
    <rPh sb="0" eb="1">
      <t>イタク</t>
    </rPh>
    <phoneticPr fontId="5"/>
  </si>
  <si>
    <t>横浜市</t>
    <rPh sb="0" eb="3">
      <t>ヨコハマシ</t>
    </rPh>
    <phoneticPr fontId="5"/>
  </si>
  <si>
    <t>川崎市</t>
    <rPh sb="0" eb="3">
      <t>カワサキシ</t>
    </rPh>
    <phoneticPr fontId="5"/>
  </si>
  <si>
    <t>相模原市</t>
    <rPh sb="0" eb="4">
      <t>サガミハラシ</t>
    </rPh>
    <phoneticPr fontId="5"/>
  </si>
  <si>
    <t>横須賀市</t>
    <rPh sb="0" eb="4">
      <t>ヨコスカシ</t>
    </rPh>
    <phoneticPr fontId="5"/>
  </si>
  <si>
    <t>平塚市</t>
    <rPh sb="0" eb="3">
      <t>ヒラツカシ</t>
    </rPh>
    <phoneticPr fontId="5"/>
  </si>
  <si>
    <t>鎌倉市</t>
    <rPh sb="0" eb="3">
      <t>カマクラシ</t>
    </rPh>
    <phoneticPr fontId="5"/>
  </si>
  <si>
    <t>藤沢市</t>
    <rPh sb="0" eb="3">
      <t>フジサワシ</t>
    </rPh>
    <phoneticPr fontId="5"/>
  </si>
  <si>
    <t>小田原市</t>
    <rPh sb="0" eb="4">
      <t>オダワラシ</t>
    </rPh>
    <phoneticPr fontId="5"/>
  </si>
  <si>
    <t>茅ヶ崎市</t>
    <rPh sb="0" eb="4">
      <t>チガサキシ</t>
    </rPh>
    <phoneticPr fontId="5"/>
  </si>
  <si>
    <t>逗子市</t>
    <rPh sb="0" eb="3">
      <t>ズシシ</t>
    </rPh>
    <phoneticPr fontId="5"/>
  </si>
  <si>
    <t>三浦市</t>
    <rPh sb="0" eb="3">
      <t>ミウラシ</t>
    </rPh>
    <phoneticPr fontId="5"/>
  </si>
  <si>
    <t>秦野市</t>
    <rPh sb="0" eb="3">
      <t>ハタノシ</t>
    </rPh>
    <phoneticPr fontId="5"/>
  </si>
  <si>
    <t>厚木市</t>
    <rPh sb="0" eb="3">
      <t>アツギシ</t>
    </rPh>
    <phoneticPr fontId="5"/>
  </si>
  <si>
    <t>大和市</t>
    <rPh sb="0" eb="3">
      <t>ヤマトシ</t>
    </rPh>
    <phoneticPr fontId="5"/>
  </si>
  <si>
    <t>伊勢原市</t>
    <rPh sb="0" eb="4">
      <t>イセハラシ</t>
    </rPh>
    <phoneticPr fontId="5"/>
  </si>
  <si>
    <t>海老名市</t>
    <rPh sb="0" eb="4">
      <t>エビナシ</t>
    </rPh>
    <phoneticPr fontId="5"/>
  </si>
  <si>
    <t>座間市</t>
    <rPh sb="0" eb="3">
      <t>ザマシ</t>
    </rPh>
    <phoneticPr fontId="5"/>
  </si>
  <si>
    <t>南足柄市</t>
    <rPh sb="0" eb="1">
      <t>ミナミ</t>
    </rPh>
    <rPh sb="1" eb="3">
      <t>アシガラシ</t>
    </rPh>
    <rPh sb="3" eb="4">
      <t>シ</t>
    </rPh>
    <phoneticPr fontId="5"/>
  </si>
  <si>
    <t>綾瀬市</t>
    <rPh sb="0" eb="2">
      <t>アヤセ</t>
    </rPh>
    <rPh sb="2" eb="3">
      <t>シ</t>
    </rPh>
    <phoneticPr fontId="5"/>
  </si>
  <si>
    <t>市部小計</t>
    <rPh sb="0" eb="2">
      <t>シブ</t>
    </rPh>
    <rPh sb="2" eb="4">
      <t>ショウケイ</t>
    </rPh>
    <phoneticPr fontId="5"/>
  </si>
  <si>
    <t>葉山町</t>
    <rPh sb="0" eb="3">
      <t>ハヤママチ</t>
    </rPh>
    <phoneticPr fontId="5"/>
  </si>
  <si>
    <t>寒川町</t>
    <rPh sb="0" eb="3">
      <t>サムカワマチ</t>
    </rPh>
    <phoneticPr fontId="5"/>
  </si>
  <si>
    <t>大磯町</t>
    <rPh sb="0" eb="3">
      <t>オオイソマチ</t>
    </rPh>
    <phoneticPr fontId="5"/>
  </si>
  <si>
    <t>二宮町</t>
    <rPh sb="0" eb="2">
      <t>ニノミヤ</t>
    </rPh>
    <rPh sb="2" eb="3">
      <t>マチ</t>
    </rPh>
    <phoneticPr fontId="5"/>
  </si>
  <si>
    <t>中井町</t>
    <rPh sb="0" eb="3">
      <t>ナカイマチ</t>
    </rPh>
    <phoneticPr fontId="5"/>
  </si>
  <si>
    <t>大井町</t>
    <rPh sb="0" eb="3">
      <t>オオイマチ</t>
    </rPh>
    <phoneticPr fontId="5"/>
  </si>
  <si>
    <t>松田町</t>
    <rPh sb="0" eb="3">
      <t>マツダマチ</t>
    </rPh>
    <phoneticPr fontId="5"/>
  </si>
  <si>
    <t>山北町</t>
    <rPh sb="0" eb="3">
      <t>ヤマキタマチ</t>
    </rPh>
    <phoneticPr fontId="5"/>
  </si>
  <si>
    <t>開成町</t>
    <rPh sb="0" eb="3">
      <t>カイセイマチ</t>
    </rPh>
    <phoneticPr fontId="5"/>
  </si>
  <si>
    <t>箱根町</t>
    <rPh sb="0" eb="3">
      <t>ハコネマチ</t>
    </rPh>
    <phoneticPr fontId="5"/>
  </si>
  <si>
    <t>真鶴町</t>
    <rPh sb="0" eb="2">
      <t>マナヅル</t>
    </rPh>
    <rPh sb="2" eb="3">
      <t>マチ</t>
    </rPh>
    <phoneticPr fontId="5"/>
  </si>
  <si>
    <t>湯河原町</t>
    <rPh sb="0" eb="4">
      <t>ユガワラマチ</t>
    </rPh>
    <phoneticPr fontId="5"/>
  </si>
  <si>
    <t>愛川町</t>
    <rPh sb="0" eb="3">
      <t>アイカワマチ</t>
    </rPh>
    <phoneticPr fontId="5"/>
  </si>
  <si>
    <t>清川村</t>
    <rPh sb="0" eb="3">
      <t>キヨカワムラ</t>
    </rPh>
    <phoneticPr fontId="5"/>
  </si>
  <si>
    <t>郡部小計</t>
    <rPh sb="0" eb="1">
      <t>グン</t>
    </rPh>
    <rPh sb="1" eb="2">
      <t>ブ</t>
    </rPh>
    <rPh sb="2" eb="4">
      <t>ショウケイ</t>
    </rPh>
    <phoneticPr fontId="5"/>
  </si>
  <si>
    <t>県 合 計</t>
    <rPh sb="0" eb="1">
      <t>ケン</t>
    </rPh>
    <rPh sb="2" eb="5">
      <t>ゴウケイ</t>
    </rPh>
    <phoneticPr fontId="5"/>
  </si>
  <si>
    <t>直＝市町村直営、組 ＝一部事務組合直営、委 ＝委託業者、許 ＝許可業者、他 ＝他市町村等</t>
    <phoneticPr fontId="5"/>
  </si>
  <si>
    <t>施＝し尿処理施設による処理、下 ＝前処理による下水道投入、そ ＝その他の処理</t>
    <phoneticPr fontId="5"/>
  </si>
  <si>
    <t>(注)　</t>
    <rPh sb="1" eb="2">
      <t>チュウ</t>
    </rPh>
    <phoneticPr fontId="5"/>
  </si>
  <si>
    <t>許可業者数は、同一事業者が複数市町村の許可を取得している可能性があり、合計は重複した</t>
    <phoneticPr fontId="5"/>
  </si>
  <si>
    <t>値である。</t>
    <phoneticPr fontId="5"/>
  </si>
  <si>
    <t>（単位：人）</t>
    <rPh sb="1" eb="3">
      <t>タンイ</t>
    </rPh>
    <rPh sb="4" eb="5">
      <t>ニン</t>
    </rPh>
    <phoneticPr fontId="5"/>
  </si>
  <si>
    <t>表Ⅳ－２   し尿の計画処理区域内人口一覧表</t>
    <rPh sb="0" eb="1">
      <t>ヒョウ</t>
    </rPh>
    <rPh sb="7" eb="9">
      <t>シニョウ</t>
    </rPh>
    <rPh sb="10" eb="22">
      <t>ケイカクショ</t>
    </rPh>
    <phoneticPr fontId="5"/>
  </si>
  <si>
    <t>①</t>
    <phoneticPr fontId="5"/>
  </si>
  <si>
    <t>⑧</t>
    <phoneticPr fontId="5"/>
  </si>
  <si>
    <t>市 町 村 名</t>
    <rPh sb="0" eb="5">
      <t>シチョウソン</t>
    </rPh>
    <rPh sb="6" eb="7">
      <t>メイ</t>
    </rPh>
    <phoneticPr fontId="5"/>
  </si>
  <si>
    <t>計 画 処 理</t>
    <rPh sb="0" eb="1">
      <t>ケイ</t>
    </rPh>
    <rPh sb="2" eb="3">
      <t>ガ</t>
    </rPh>
    <rPh sb="4" eb="5">
      <t>トコロ</t>
    </rPh>
    <rPh sb="6" eb="7">
      <t>リ</t>
    </rPh>
    <phoneticPr fontId="5"/>
  </si>
  <si>
    <t>水洗化人口　　　　</t>
    <rPh sb="0" eb="3">
      <t>スイセンカ</t>
    </rPh>
    <rPh sb="3" eb="5">
      <t>ジンコウ</t>
    </rPh>
    <phoneticPr fontId="5"/>
  </si>
  <si>
    <t>非水洗化人口　　　　</t>
    <rPh sb="0" eb="1">
      <t>ヒ</t>
    </rPh>
    <rPh sb="1" eb="4">
      <t>スイセンカ</t>
    </rPh>
    <rPh sb="4" eb="6">
      <t>ジンコウ</t>
    </rPh>
    <phoneticPr fontId="5"/>
  </si>
  <si>
    <t>浄化槽人口</t>
    <rPh sb="0" eb="3">
      <t>ジョウカソウ</t>
    </rPh>
    <rPh sb="3" eb="5">
      <t>ジンコウ</t>
    </rPh>
    <phoneticPr fontId="5"/>
  </si>
  <si>
    <t>区域内人口</t>
    <rPh sb="0" eb="2">
      <t>クイキ</t>
    </rPh>
    <rPh sb="2" eb="3">
      <t>ナイ</t>
    </rPh>
    <rPh sb="3" eb="5">
      <t>ジンコウ</t>
    </rPh>
    <phoneticPr fontId="5"/>
  </si>
  <si>
    <t>②</t>
    <phoneticPr fontId="5"/>
  </si>
  <si>
    <t>③</t>
    <phoneticPr fontId="5"/>
  </si>
  <si>
    <t>④　　　 計</t>
    <rPh sb="5" eb="6">
      <t>ケイ</t>
    </rPh>
    <phoneticPr fontId="5"/>
  </si>
  <si>
    <t>率（％)</t>
    <rPh sb="0" eb="1">
      <t>リツ</t>
    </rPh>
    <phoneticPr fontId="5"/>
  </si>
  <si>
    <t>⑤</t>
    <phoneticPr fontId="5"/>
  </si>
  <si>
    <t>⑥</t>
    <phoneticPr fontId="5"/>
  </si>
  <si>
    <t>⑦　　　 計</t>
    <rPh sb="5" eb="6">
      <t>ケイ</t>
    </rPh>
    <phoneticPr fontId="5"/>
  </si>
  <si>
    <t>＋</t>
    <phoneticPr fontId="5"/>
  </si>
  <si>
    <t>率</t>
    <rPh sb="0" eb="1">
      <t>リツ</t>
    </rPh>
    <phoneticPr fontId="5"/>
  </si>
  <si>
    <t>＝④+⑦</t>
    <phoneticPr fontId="5"/>
  </si>
  <si>
    <t>公共下水道人口</t>
    <rPh sb="0" eb="2">
      <t>コウキョウ</t>
    </rPh>
    <rPh sb="2" eb="5">
      <t>ゲスイドウ</t>
    </rPh>
    <rPh sb="5" eb="7">
      <t>ジンコウ</t>
    </rPh>
    <phoneticPr fontId="5"/>
  </si>
  <si>
    <t>浄化槽人口</t>
    <rPh sb="0" eb="5">
      <t>ジョウカソウジンコウ</t>
    </rPh>
    <phoneticPr fontId="5"/>
  </si>
  <si>
    <t xml:space="preserve"> ＝②＋③</t>
    <phoneticPr fontId="5"/>
  </si>
  <si>
    <t>計画収集人口</t>
    <rPh sb="0" eb="2">
      <t>ケイカク</t>
    </rPh>
    <rPh sb="2" eb="4">
      <t>シュウシュウ</t>
    </rPh>
    <rPh sb="4" eb="6">
      <t>ジンコウ</t>
    </rPh>
    <phoneticPr fontId="5"/>
  </si>
  <si>
    <t>自家処理人口</t>
    <rPh sb="0" eb="2">
      <t>ジカ</t>
    </rPh>
    <rPh sb="2" eb="4">
      <t>ショリ</t>
    </rPh>
    <rPh sb="4" eb="6">
      <t>ジンコウ</t>
    </rPh>
    <phoneticPr fontId="5"/>
  </si>
  <si>
    <t xml:space="preserve"> ＝⑤＋⑥</t>
    <phoneticPr fontId="5"/>
  </si>
  <si>
    <t>（％)</t>
    <phoneticPr fontId="5"/>
  </si>
  <si>
    <t>市 部 小 計</t>
    <rPh sb="0" eb="3">
      <t>シブ</t>
    </rPh>
    <rPh sb="4" eb="7">
      <t>ショウケイ</t>
    </rPh>
    <phoneticPr fontId="5"/>
  </si>
  <si>
    <t>中井町</t>
    <rPh sb="0" eb="2">
      <t>ナカイ</t>
    </rPh>
    <rPh sb="2" eb="3">
      <t>ハヤママチ</t>
    </rPh>
    <phoneticPr fontId="5"/>
  </si>
  <si>
    <t>郡 部 小 計</t>
    <rPh sb="0" eb="1">
      <t>グン</t>
    </rPh>
    <rPh sb="2" eb="3">
      <t>ブ</t>
    </rPh>
    <rPh sb="4" eb="7">
      <t>ショウケイ</t>
    </rPh>
    <phoneticPr fontId="5"/>
  </si>
  <si>
    <t>県   合   計</t>
    <rPh sb="0" eb="1">
      <t>ケン</t>
    </rPh>
    <rPh sb="4" eb="9">
      <t>ゴウケイ</t>
    </rPh>
    <phoneticPr fontId="5"/>
  </si>
  <si>
    <t>２　し尿及び浄化槽汚泥の収集内訳</t>
    <rPh sb="2" eb="4">
      <t>シニョウ</t>
    </rPh>
    <rPh sb="4" eb="5">
      <t>オヨ</t>
    </rPh>
    <rPh sb="6" eb="9">
      <t>ジョウカソウ</t>
    </rPh>
    <rPh sb="9" eb="11">
      <t>オデイ</t>
    </rPh>
    <rPh sb="12" eb="14">
      <t>シュウシュウ</t>
    </rPh>
    <rPh sb="14" eb="16">
      <t>ウチワケ</t>
    </rPh>
    <phoneticPr fontId="5"/>
  </si>
  <si>
    <t>表Ⅳ－３   し尿及び浄化槽汚泥の収集内訳一覧表</t>
    <rPh sb="0" eb="1">
      <t>ヒョウ</t>
    </rPh>
    <rPh sb="7" eb="9">
      <t>シニョウ</t>
    </rPh>
    <rPh sb="9" eb="10">
      <t>オヨ</t>
    </rPh>
    <rPh sb="11" eb="14">
      <t>ジョウカソウ</t>
    </rPh>
    <rPh sb="14" eb="16">
      <t>オデイ</t>
    </rPh>
    <rPh sb="17" eb="19">
      <t>シュウシュウ</t>
    </rPh>
    <rPh sb="19" eb="21">
      <t>ウチワケ</t>
    </rPh>
    <rPh sb="21" eb="24">
      <t>イチランヒョウ</t>
    </rPh>
    <phoneticPr fontId="5"/>
  </si>
  <si>
    <t>（ 単位 ： ｋｌ / 年 ）</t>
    <phoneticPr fontId="5"/>
  </si>
  <si>
    <t>し尿</t>
    <phoneticPr fontId="5"/>
  </si>
  <si>
    <t>計</t>
    <rPh sb="0" eb="1">
      <t>ケイ</t>
    </rPh>
    <phoneticPr fontId="5"/>
  </si>
  <si>
    <t>収集主体別収集量</t>
    <rPh sb="0" eb="1">
      <t>オサム</t>
    </rPh>
    <rPh sb="1" eb="2">
      <t>シュウ</t>
    </rPh>
    <rPh sb="2" eb="3">
      <t>シュ</t>
    </rPh>
    <rPh sb="3" eb="4">
      <t>カラダ</t>
    </rPh>
    <rPh sb="4" eb="5">
      <t>ベツ</t>
    </rPh>
    <rPh sb="5" eb="6">
      <t>オサム</t>
    </rPh>
    <rPh sb="6" eb="7">
      <t>シュウ</t>
    </rPh>
    <rPh sb="7" eb="8">
      <t>リョウ</t>
    </rPh>
    <phoneticPr fontId="5"/>
  </si>
  <si>
    <t>自家処理量</t>
    <rPh sb="0" eb="1">
      <t>ジ</t>
    </rPh>
    <rPh sb="1" eb="2">
      <t>イエ</t>
    </rPh>
    <rPh sb="2" eb="5">
      <t>ショリリョウ</t>
    </rPh>
    <phoneticPr fontId="5"/>
  </si>
  <si>
    <t>収    集    主    体    別    収 　 集    量</t>
    <rPh sb="0" eb="6">
      <t>シュウシュウ</t>
    </rPh>
    <rPh sb="10" eb="16">
      <t>シュタイ</t>
    </rPh>
    <rPh sb="20" eb="21">
      <t>ベツ</t>
    </rPh>
    <rPh sb="25" eb="30">
      <t>シュウシュウ</t>
    </rPh>
    <rPh sb="34" eb="35">
      <t>リョウ</t>
    </rPh>
    <phoneticPr fontId="5"/>
  </si>
  <si>
    <t>⑬</t>
    <phoneticPr fontId="5"/>
  </si>
  <si>
    <t>①地方公共</t>
    <rPh sb="1" eb="3">
      <t>チホウ</t>
    </rPh>
    <rPh sb="3" eb="5">
      <t>コウキョウ</t>
    </rPh>
    <phoneticPr fontId="5"/>
  </si>
  <si>
    <t>②</t>
    <phoneticPr fontId="5"/>
  </si>
  <si>
    <t>③</t>
    <phoneticPr fontId="5"/>
  </si>
  <si>
    <t>④　　 計</t>
    <rPh sb="4" eb="5">
      <t>ケイ</t>
    </rPh>
    <phoneticPr fontId="5"/>
  </si>
  <si>
    <t>⑤地方公共</t>
    <rPh sb="1" eb="3">
      <t>チホウ</t>
    </rPh>
    <rPh sb="3" eb="5">
      <t>コウキョウ</t>
    </rPh>
    <phoneticPr fontId="5"/>
  </si>
  <si>
    <t>⑥</t>
    <phoneticPr fontId="5"/>
  </si>
  <si>
    <t>⑦</t>
    <phoneticPr fontId="5"/>
  </si>
  <si>
    <t>⑧　　 計</t>
    <rPh sb="4" eb="5">
      <t>ケイ</t>
    </rPh>
    <phoneticPr fontId="5"/>
  </si>
  <si>
    <t>⑨地方公共</t>
    <phoneticPr fontId="5"/>
  </si>
  <si>
    <t>⑩</t>
    <phoneticPr fontId="5"/>
  </si>
  <si>
    <t>⑪</t>
    <phoneticPr fontId="5"/>
  </si>
  <si>
    <t>⑫　　 計</t>
    <rPh sb="4" eb="5">
      <t>ケイ</t>
    </rPh>
    <phoneticPr fontId="5"/>
  </si>
  <si>
    <t>自家処理量</t>
  </si>
  <si>
    <t>全排出量</t>
    <rPh sb="0" eb="1">
      <t>ゼン</t>
    </rPh>
    <phoneticPr fontId="5"/>
  </si>
  <si>
    <t xml:space="preserve"> 団体直営</t>
    <rPh sb="1" eb="3">
      <t>ダンタイ</t>
    </rPh>
    <rPh sb="3" eb="5">
      <t>チョクエイ</t>
    </rPh>
    <phoneticPr fontId="5"/>
  </si>
  <si>
    <t>委託業者</t>
    <rPh sb="0" eb="2">
      <t>イタク</t>
    </rPh>
    <rPh sb="2" eb="4">
      <t>ギョウシャ</t>
    </rPh>
    <phoneticPr fontId="5"/>
  </si>
  <si>
    <t>許可業者</t>
    <rPh sb="0" eb="2">
      <t>キョカ</t>
    </rPh>
    <rPh sb="2" eb="4">
      <t>ギョウシャ</t>
    </rPh>
    <phoneticPr fontId="5"/>
  </si>
  <si>
    <t>＝①～③</t>
    <phoneticPr fontId="5"/>
  </si>
  <si>
    <t>団体直営</t>
    <rPh sb="0" eb="2">
      <t>ダンタイ</t>
    </rPh>
    <rPh sb="2" eb="4">
      <t>チョクエイ</t>
    </rPh>
    <phoneticPr fontId="5"/>
  </si>
  <si>
    <t>＝⑨～⑪</t>
    <phoneticPr fontId="5"/>
  </si>
  <si>
    <t>　=⑫+⑬</t>
    <phoneticPr fontId="5"/>
  </si>
  <si>
    <t>直＝市町村直営、組 ＝一部事務組合直営、委 ＝委託業者、許 ＝許可業者、他 ＝他市町村等</t>
    <phoneticPr fontId="5"/>
  </si>
  <si>
    <t>表Ⅳ－４   し尿及び浄化槽汚泥の処理・処分内訳総括表</t>
    <rPh sb="0" eb="1">
      <t>ヒョウ</t>
    </rPh>
    <rPh sb="7" eb="9">
      <t>シニョウ</t>
    </rPh>
    <rPh sb="9" eb="10">
      <t>オヨ</t>
    </rPh>
    <rPh sb="11" eb="14">
      <t>ジョウカソウ</t>
    </rPh>
    <rPh sb="14" eb="16">
      <t>オデイ</t>
    </rPh>
    <rPh sb="17" eb="19">
      <t>ショリ</t>
    </rPh>
    <rPh sb="20" eb="22">
      <t>ショブン</t>
    </rPh>
    <rPh sb="22" eb="24">
      <t>ウチワケ</t>
    </rPh>
    <rPh sb="24" eb="26">
      <t>ソウカツ</t>
    </rPh>
    <rPh sb="26" eb="27">
      <t>ヒョウ</t>
    </rPh>
    <phoneticPr fontId="5"/>
  </si>
  <si>
    <t xml:space="preserve"> ( 単位 ：  k ｌ / 年 ）</t>
    <phoneticPr fontId="5"/>
  </si>
  <si>
    <t>市町村による処理・処分の　　　　内訳　　　　　（し尿及び浄化槽汚泥）</t>
    <rPh sb="0" eb="3">
      <t>シチョウソン</t>
    </rPh>
    <rPh sb="6" eb="8">
      <t>ショリ</t>
    </rPh>
    <rPh sb="9" eb="11">
      <t>ショブン</t>
    </rPh>
    <rPh sb="16" eb="18">
      <t>ウチワケ</t>
    </rPh>
    <rPh sb="25" eb="26">
      <t>ニョウ</t>
    </rPh>
    <rPh sb="26" eb="27">
      <t>オヨ</t>
    </rPh>
    <rPh sb="28" eb="31">
      <t>ジョウカソウ</t>
    </rPh>
    <rPh sb="31" eb="33">
      <t>オデイ</t>
    </rPh>
    <phoneticPr fontId="5"/>
  </si>
  <si>
    <t>⑧</t>
    <phoneticPr fontId="5"/>
  </si>
  <si>
    <t>自家処理量
(=し尿・浄化槽汚泥）</t>
    <rPh sb="0" eb="1">
      <t>ジ</t>
    </rPh>
    <rPh sb="1" eb="2">
      <t>イエ</t>
    </rPh>
    <rPh sb="2" eb="5">
      <t>ショリリョウ</t>
    </rPh>
    <rPh sb="9" eb="10">
      <t>ニョウ</t>
    </rPh>
    <rPh sb="11" eb="14">
      <t>ジョウカソウ</t>
    </rPh>
    <rPh sb="14" eb="16">
      <t>オデイ</t>
    </rPh>
    <phoneticPr fontId="5"/>
  </si>
  <si>
    <t>①</t>
    <phoneticPr fontId="5"/>
  </si>
  <si>
    <t>④</t>
    <phoneticPr fontId="5"/>
  </si>
  <si>
    <t>⑤</t>
    <phoneticPr fontId="5"/>
  </si>
  <si>
    <t>計画収集量</t>
    <rPh sb="0" eb="2">
      <t>ケイカク</t>
    </rPh>
    <rPh sb="2" eb="5">
      <t>シュウシュウリョウ</t>
    </rPh>
    <phoneticPr fontId="5"/>
  </si>
  <si>
    <t>し尿処理
施設処理量</t>
    <rPh sb="0" eb="2">
      <t>シニョウ</t>
    </rPh>
    <rPh sb="2" eb="4">
      <t>ショリ</t>
    </rPh>
    <phoneticPr fontId="5"/>
  </si>
  <si>
    <t>し尿処理施設処理率(%)</t>
    <rPh sb="1" eb="2">
      <t>ニョウ</t>
    </rPh>
    <rPh sb="2" eb="4">
      <t>ショリ</t>
    </rPh>
    <rPh sb="4" eb="6">
      <t>シセツ</t>
    </rPh>
    <rPh sb="6" eb="8">
      <t>ショリ</t>
    </rPh>
    <rPh sb="8" eb="9">
      <t>リツ</t>
    </rPh>
    <phoneticPr fontId="5"/>
  </si>
  <si>
    <t>ごみ堆肥化施設処理量</t>
    <rPh sb="2" eb="4">
      <t>タイヒ</t>
    </rPh>
    <phoneticPr fontId="5"/>
  </si>
  <si>
    <t>ごみ堆肥化施設処理率(%)</t>
    <rPh sb="2" eb="5">
      <t>タイヒカ</t>
    </rPh>
    <rPh sb="5" eb="7">
      <t>シセツ</t>
    </rPh>
    <rPh sb="7" eb="9">
      <t>ショリ</t>
    </rPh>
    <rPh sb="9" eb="10">
      <t>リツ</t>
    </rPh>
    <phoneticPr fontId="5"/>
  </si>
  <si>
    <t>メタン化施設
処理量</t>
    <rPh sb="3" eb="4">
      <t>カ</t>
    </rPh>
    <phoneticPr fontId="5"/>
  </si>
  <si>
    <t>メタン化施設処理率(%)</t>
    <rPh sb="3" eb="4">
      <t>カ</t>
    </rPh>
    <rPh sb="4" eb="6">
      <t>シセツ</t>
    </rPh>
    <rPh sb="6" eb="8">
      <t>ショリ</t>
    </rPh>
    <rPh sb="8" eb="9">
      <t>リツ</t>
    </rPh>
    <phoneticPr fontId="5"/>
  </si>
  <si>
    <t>下水道
投入量</t>
    <rPh sb="0" eb="3">
      <t>ゲスイドウ</t>
    </rPh>
    <phoneticPr fontId="5"/>
  </si>
  <si>
    <t>下水道
投入率(%)</t>
    <rPh sb="0" eb="3">
      <t>ゲスイドウ</t>
    </rPh>
    <rPh sb="4" eb="6">
      <t>トウニュウ</t>
    </rPh>
    <rPh sb="6" eb="7">
      <t>リツ</t>
    </rPh>
    <phoneticPr fontId="5"/>
  </si>
  <si>
    <t>農 地 還 元</t>
    <rPh sb="0" eb="1">
      <t>ノウ</t>
    </rPh>
    <rPh sb="2" eb="3">
      <t>チ</t>
    </rPh>
    <rPh sb="4" eb="5">
      <t>カン</t>
    </rPh>
    <rPh sb="6" eb="7">
      <t>モト</t>
    </rPh>
    <phoneticPr fontId="5"/>
  </si>
  <si>
    <t>農地還元
処理率(%)</t>
    <rPh sb="0" eb="2">
      <t>ノウチ</t>
    </rPh>
    <rPh sb="2" eb="4">
      <t>カンゲン</t>
    </rPh>
    <rPh sb="5" eb="7">
      <t>ショリ</t>
    </rPh>
    <rPh sb="7" eb="8">
      <t>リツ</t>
    </rPh>
    <phoneticPr fontId="5"/>
  </si>
  <si>
    <t>その他</t>
    <rPh sb="2" eb="3">
      <t>タ</t>
    </rPh>
    <phoneticPr fontId="5"/>
  </si>
  <si>
    <t>その他の
処理率(%)</t>
    <rPh sb="2" eb="3">
      <t>タ</t>
    </rPh>
    <rPh sb="5" eb="7">
      <t>ショリ</t>
    </rPh>
    <rPh sb="7" eb="8">
      <t>リツ</t>
    </rPh>
    <phoneticPr fontId="5"/>
  </si>
  <si>
    <t>＝①～⑥</t>
    <phoneticPr fontId="5"/>
  </si>
  <si>
    <t>×</t>
    <phoneticPr fontId="5"/>
  </si>
  <si>
    <t>×</t>
  </si>
  <si>
    <t>**</t>
    <phoneticPr fontId="5"/>
  </si>
  <si>
    <t>****</t>
    <phoneticPr fontId="5"/>
  </si>
  <si>
    <t>*</t>
    <phoneticPr fontId="5"/>
  </si>
  <si>
    <t>***</t>
  </si>
  <si>
    <t>県  合  計</t>
    <rPh sb="0" eb="1">
      <t>ケン</t>
    </rPh>
    <rPh sb="3" eb="7">
      <t>ゴウケイ</t>
    </rPh>
    <phoneticPr fontId="5"/>
  </si>
  <si>
    <t>　　(注)　* 印は、一部事務組合の処理施設によるものである。</t>
    <rPh sb="3" eb="4">
      <t>チュウ</t>
    </rPh>
    <rPh sb="18" eb="20">
      <t>ショリ</t>
    </rPh>
    <rPh sb="20" eb="22">
      <t>シセツ</t>
    </rPh>
    <phoneticPr fontId="5"/>
  </si>
  <si>
    <t xml:space="preserve">           **印は、平塚市が大磯町に、茅ヶ崎市が寒川町に、清川村が厚木市に委託したものである。</t>
    <rPh sb="13" eb="14">
      <t>シルシ</t>
    </rPh>
    <rPh sb="16" eb="19">
      <t>ヒラツカシ</t>
    </rPh>
    <rPh sb="20" eb="23">
      <t>オオイソマチ</t>
    </rPh>
    <rPh sb="25" eb="29">
      <t>チガサキシ</t>
    </rPh>
    <rPh sb="30" eb="33">
      <t>サムガワチョウ</t>
    </rPh>
    <phoneticPr fontId="5"/>
  </si>
  <si>
    <t>　　　　 　****印は、民間し尿処理業者に委託したものである。</t>
    <rPh sb="10" eb="11">
      <t>シルシ</t>
    </rPh>
    <rPh sb="13" eb="15">
      <t>ミンカン</t>
    </rPh>
    <rPh sb="16" eb="17">
      <t>ニョウ</t>
    </rPh>
    <rPh sb="17" eb="19">
      <t>ショリ</t>
    </rPh>
    <rPh sb="19" eb="21">
      <t>ギョウシャ</t>
    </rPh>
    <rPh sb="22" eb="24">
      <t>イタク</t>
    </rPh>
    <phoneticPr fontId="5"/>
  </si>
  <si>
    <t>表Ⅳ－５ 　 収集し尿及び浄化槽汚泥の処理・処分内訳一覧表</t>
    <rPh sb="0" eb="1">
      <t>ヒョウ</t>
    </rPh>
    <rPh sb="7" eb="9">
      <t>シュウシュウ</t>
    </rPh>
    <rPh sb="9" eb="11">
      <t>シニョウ</t>
    </rPh>
    <rPh sb="11" eb="12">
      <t>オヨ</t>
    </rPh>
    <rPh sb="13" eb="16">
      <t>ジョウカソウ</t>
    </rPh>
    <rPh sb="16" eb="18">
      <t>オデイ</t>
    </rPh>
    <rPh sb="19" eb="21">
      <t>ショリ</t>
    </rPh>
    <rPh sb="22" eb="24">
      <t>ショブン</t>
    </rPh>
    <rPh sb="24" eb="26">
      <t>ウチワケ</t>
    </rPh>
    <rPh sb="26" eb="28">
      <t>イチラン</t>
    </rPh>
    <rPh sb="28" eb="29">
      <t>ヒョウ</t>
    </rPh>
    <phoneticPr fontId="5"/>
  </si>
  <si>
    <t xml:space="preserve"> (単位 ： k l / 年）</t>
    <phoneticPr fontId="5"/>
  </si>
  <si>
    <t>し　　　　　尿</t>
    <rPh sb="6" eb="7">
      <t>ニョウ</t>
    </rPh>
    <phoneticPr fontId="5"/>
  </si>
  <si>
    <t>浄　化　槽　汚　泥</t>
    <rPh sb="0" eb="1">
      <t>ジョウ</t>
    </rPh>
    <rPh sb="2" eb="3">
      <t>カ</t>
    </rPh>
    <rPh sb="4" eb="5">
      <t>ソウ</t>
    </rPh>
    <rPh sb="6" eb="7">
      <t>キタナ</t>
    </rPh>
    <rPh sb="8" eb="9">
      <t>ドロ</t>
    </rPh>
    <phoneticPr fontId="5"/>
  </si>
  <si>
    <t>⑨</t>
    <phoneticPr fontId="5"/>
  </si>
  <si>
    <t>し尿処理施設</t>
    <rPh sb="0" eb="2">
      <t>シニョウ</t>
    </rPh>
    <rPh sb="2" eb="4">
      <t>ショリ</t>
    </rPh>
    <rPh sb="4" eb="6">
      <t>シセツ</t>
    </rPh>
    <phoneticPr fontId="5"/>
  </si>
  <si>
    <t>下水道投入</t>
    <rPh sb="0" eb="3">
      <t>ゲスイドウ</t>
    </rPh>
    <rPh sb="3" eb="5">
      <t>トウニュウ</t>
    </rPh>
    <phoneticPr fontId="5"/>
  </si>
  <si>
    <t>＝⑤～⑦</t>
    <phoneticPr fontId="5"/>
  </si>
  <si>
    <t>**</t>
  </si>
  <si>
    <t>****</t>
  </si>
  <si>
    <t>*</t>
  </si>
  <si>
    <t>表Ⅳ－６   し尿処理施設残渣処理内訳一覧表</t>
    <rPh sb="0" eb="1">
      <t>ヒョウ</t>
    </rPh>
    <rPh sb="8" eb="9">
      <t>ニョウ</t>
    </rPh>
    <rPh sb="9" eb="11">
      <t>ショリ</t>
    </rPh>
    <rPh sb="11" eb="13">
      <t>シセツ</t>
    </rPh>
    <rPh sb="13" eb="15">
      <t>ザンサ</t>
    </rPh>
    <rPh sb="15" eb="17">
      <t>ショリ</t>
    </rPh>
    <rPh sb="17" eb="19">
      <t>ウチワケ</t>
    </rPh>
    <rPh sb="19" eb="21">
      <t>イチラン</t>
    </rPh>
    <rPh sb="21" eb="22">
      <t>ヒョウ</t>
    </rPh>
    <phoneticPr fontId="5"/>
  </si>
  <si>
    <t xml:space="preserve"> (単位 ： ｔ / 年 ）</t>
    <phoneticPr fontId="5"/>
  </si>
  <si>
    <t>し尿処理施設
処　　理　　量
(ｋｌ/年)</t>
    <rPh sb="1" eb="2">
      <t>ニョウ</t>
    </rPh>
    <rPh sb="4" eb="6">
      <t>シセツ</t>
    </rPh>
    <rPh sb="7" eb="8">
      <t>トコロ</t>
    </rPh>
    <rPh sb="10" eb="11">
      <t>リ</t>
    </rPh>
    <rPh sb="13" eb="14">
      <t>リョウ</t>
    </rPh>
    <rPh sb="19" eb="20">
      <t>ネン</t>
    </rPh>
    <phoneticPr fontId="5"/>
  </si>
  <si>
    <t>資源化量</t>
    <rPh sb="0" eb="3">
      <t>シゲンカ</t>
    </rPh>
    <rPh sb="3" eb="4">
      <t>リョウ</t>
    </rPh>
    <phoneticPr fontId="5"/>
  </si>
  <si>
    <t>残渣発生量</t>
    <rPh sb="0" eb="1">
      <t>ザン</t>
    </rPh>
    <rPh sb="1" eb="2">
      <t>サ</t>
    </rPh>
    <rPh sb="2" eb="4">
      <t>ハッセイ</t>
    </rPh>
    <rPh sb="4" eb="5">
      <t>リョウ</t>
    </rPh>
    <phoneticPr fontId="5"/>
  </si>
  <si>
    <t>残　渣　処　理　内　訳</t>
    <rPh sb="0" eb="1">
      <t>ザン</t>
    </rPh>
    <rPh sb="2" eb="3">
      <t>サ</t>
    </rPh>
    <rPh sb="4" eb="5">
      <t>トコロ</t>
    </rPh>
    <rPh sb="6" eb="7">
      <t>リ</t>
    </rPh>
    <rPh sb="8" eb="9">
      <t>ナイ</t>
    </rPh>
    <rPh sb="10" eb="11">
      <t>ヤク</t>
    </rPh>
    <phoneticPr fontId="5"/>
  </si>
  <si>
    <t>し尿処理施設内焼却</t>
    <rPh sb="1" eb="2">
      <t>ニョウ</t>
    </rPh>
    <rPh sb="4" eb="6">
      <t>シセツ</t>
    </rPh>
    <rPh sb="6" eb="7">
      <t>ナイ</t>
    </rPh>
    <rPh sb="7" eb="9">
      <t>ショウキャク</t>
    </rPh>
    <phoneticPr fontId="5"/>
  </si>
  <si>
    <t>し尿処理施設内堆肥化・メタン化処理</t>
    <rPh sb="1" eb="2">
      <t>ニョウ</t>
    </rPh>
    <rPh sb="4" eb="6">
      <t>シセツ</t>
    </rPh>
    <rPh sb="6" eb="7">
      <t>ナイ</t>
    </rPh>
    <rPh sb="7" eb="10">
      <t>タイヒカ</t>
    </rPh>
    <rPh sb="14" eb="15">
      <t>カ</t>
    </rPh>
    <phoneticPr fontId="5"/>
  </si>
  <si>
    <t>ごみ
焼却施設</t>
    <rPh sb="3" eb="5">
      <t>ショウキャク</t>
    </rPh>
    <rPh sb="5" eb="7">
      <t>シセツ</t>
    </rPh>
    <phoneticPr fontId="5"/>
  </si>
  <si>
    <t>農地還元等
の再生利用</t>
    <rPh sb="0" eb="2">
      <t>ノウチ</t>
    </rPh>
    <rPh sb="2" eb="5">
      <t>カンゲントウ</t>
    </rPh>
    <rPh sb="7" eb="9">
      <t>サイセイ</t>
    </rPh>
    <rPh sb="9" eb="11">
      <t>リヨウ</t>
    </rPh>
    <phoneticPr fontId="5"/>
  </si>
  <si>
    <t>直接埋立</t>
    <rPh sb="0" eb="1">
      <t>チョク</t>
    </rPh>
    <rPh sb="1" eb="2">
      <t>セツ</t>
    </rPh>
    <rPh sb="2" eb="4">
      <t>ウメタテ</t>
    </rPh>
    <phoneticPr fontId="5"/>
  </si>
  <si>
    <t>郡部小計</t>
    <rPh sb="0" eb="2">
      <t>グンブ</t>
    </rPh>
    <rPh sb="2" eb="4">
      <t>ショウケイ</t>
    </rPh>
    <phoneticPr fontId="5"/>
  </si>
  <si>
    <t>　(注)　　１.し尿処理施設には、汚泥再生処理センターを含む。</t>
    <rPh sb="2" eb="3">
      <t>チュウ</t>
    </rPh>
    <rPh sb="9" eb="10">
      <t>ニョウ</t>
    </rPh>
    <rPh sb="10" eb="12">
      <t>ショリ</t>
    </rPh>
    <rPh sb="12" eb="14">
      <t>シセツ</t>
    </rPh>
    <rPh sb="17" eb="19">
      <t>オデイ</t>
    </rPh>
    <rPh sb="19" eb="21">
      <t>サイセイ</t>
    </rPh>
    <rPh sb="21" eb="23">
      <t>ショリ</t>
    </rPh>
    <rPh sb="28" eb="29">
      <t>フク</t>
    </rPh>
    <phoneticPr fontId="5"/>
  </si>
  <si>
    <t>　　　　　 ２.し尿処理施設処理量には、一部事務組合、他市町村の施設での処理を含む。</t>
    <rPh sb="14" eb="16">
      <t>ショリ</t>
    </rPh>
    <rPh sb="16" eb="17">
      <t>リョウ</t>
    </rPh>
    <rPh sb="20" eb="22">
      <t>イチブ</t>
    </rPh>
    <rPh sb="22" eb="24">
      <t>ジム</t>
    </rPh>
    <rPh sb="24" eb="26">
      <t>クミアイ</t>
    </rPh>
    <rPh sb="27" eb="28">
      <t>タ</t>
    </rPh>
    <rPh sb="28" eb="31">
      <t>シチョウソン</t>
    </rPh>
    <rPh sb="32" eb="34">
      <t>シセツ</t>
    </rPh>
    <rPh sb="36" eb="38">
      <t>ショリ</t>
    </rPh>
    <rPh sb="39" eb="40">
      <t>フク</t>
    </rPh>
    <phoneticPr fontId="5"/>
  </si>
  <si>
    <t>表Ⅳ－7   一部事務組合別し尿及び浄化槽汚泥の処理一覧表</t>
    <rPh sb="0" eb="1">
      <t>ヒョウ</t>
    </rPh>
    <rPh sb="7" eb="9">
      <t>イチブ</t>
    </rPh>
    <rPh sb="9" eb="11">
      <t>ジム</t>
    </rPh>
    <rPh sb="11" eb="13">
      <t>クミアイ</t>
    </rPh>
    <rPh sb="13" eb="14">
      <t>ベツ</t>
    </rPh>
    <rPh sb="14" eb="16">
      <t>シニョウ</t>
    </rPh>
    <rPh sb="16" eb="17">
      <t>オヨ</t>
    </rPh>
    <rPh sb="18" eb="21">
      <t>ジョウカソウ</t>
    </rPh>
    <rPh sb="21" eb="23">
      <t>オデイ</t>
    </rPh>
    <rPh sb="24" eb="26">
      <t>ショリ</t>
    </rPh>
    <rPh sb="26" eb="29">
      <t>イチランヒョウ</t>
    </rPh>
    <phoneticPr fontId="5"/>
  </si>
  <si>
    <t xml:space="preserve"> (単位 ： kl/ 年 ）</t>
    <phoneticPr fontId="5"/>
  </si>
  <si>
    <t>一　部　事　務　組　合　名</t>
    <rPh sb="0" eb="1">
      <t>イチ</t>
    </rPh>
    <rPh sb="2" eb="3">
      <t>ブ</t>
    </rPh>
    <rPh sb="4" eb="5">
      <t>コト</t>
    </rPh>
    <rPh sb="6" eb="7">
      <t>ツトム</t>
    </rPh>
    <rPh sb="8" eb="9">
      <t>クミ</t>
    </rPh>
    <rPh sb="10" eb="11">
      <t>ゴウ</t>
    </rPh>
    <rPh sb="12" eb="13">
      <t>メイ</t>
    </rPh>
    <phoneticPr fontId="5"/>
  </si>
  <si>
    <t>構　成　市　町　村</t>
    <rPh sb="0" eb="1">
      <t>カマエ</t>
    </rPh>
    <rPh sb="2" eb="3">
      <t>シゲル</t>
    </rPh>
    <rPh sb="4" eb="5">
      <t>シ</t>
    </rPh>
    <rPh sb="6" eb="7">
      <t>マチ</t>
    </rPh>
    <rPh sb="8" eb="9">
      <t>ムラ</t>
    </rPh>
    <phoneticPr fontId="5"/>
  </si>
  <si>
    <t>一部事務組合による処理量</t>
    <rPh sb="0" eb="2">
      <t>イチブ</t>
    </rPh>
    <rPh sb="2" eb="4">
      <t>ジム</t>
    </rPh>
    <rPh sb="4" eb="6">
      <t>クミアイ</t>
    </rPh>
    <rPh sb="9" eb="11">
      <t>ショリ</t>
    </rPh>
    <rPh sb="11" eb="12">
      <t>リョウ</t>
    </rPh>
    <phoneticPr fontId="5"/>
  </si>
  <si>
    <t>し　　尿</t>
    <rPh sb="3" eb="4">
      <t>ニョウ</t>
    </rPh>
    <phoneticPr fontId="5"/>
  </si>
  <si>
    <t>高座清掃施設組合</t>
    <rPh sb="0" eb="2">
      <t>コウザ</t>
    </rPh>
    <rPh sb="2" eb="4">
      <t>セイソウ</t>
    </rPh>
    <rPh sb="4" eb="6">
      <t>シセツ</t>
    </rPh>
    <rPh sb="6" eb="8">
      <t>クミアイ</t>
    </rPh>
    <phoneticPr fontId="5"/>
  </si>
  <si>
    <t>綾瀬市</t>
    <rPh sb="0" eb="3">
      <t>アヤセシ</t>
    </rPh>
    <phoneticPr fontId="5"/>
  </si>
  <si>
    <t>小　　計</t>
    <rPh sb="0" eb="1">
      <t>ショウ</t>
    </rPh>
    <rPh sb="3" eb="4">
      <t>ケイ</t>
    </rPh>
    <phoneticPr fontId="5"/>
  </si>
  <si>
    <t>足柄上衛生組合</t>
    <phoneticPr fontId="5"/>
  </si>
  <si>
    <t>南足柄市</t>
    <rPh sb="0" eb="4">
      <t>ミナミアシガラシ</t>
    </rPh>
    <phoneticPr fontId="5"/>
  </si>
  <si>
    <t>大井町</t>
    <rPh sb="0" eb="3">
      <t>オオイチョウ</t>
    </rPh>
    <phoneticPr fontId="5"/>
  </si>
  <si>
    <t>松田町</t>
    <rPh sb="0" eb="3">
      <t>マツダチョウ</t>
    </rPh>
    <phoneticPr fontId="5"/>
  </si>
  <si>
    <t>開成町</t>
    <rPh sb="0" eb="2">
      <t>カイセイ</t>
    </rPh>
    <rPh sb="2" eb="3">
      <t>マチ</t>
    </rPh>
    <phoneticPr fontId="5"/>
  </si>
  <si>
    <t>合　　　　　　　　　　　　計</t>
    <rPh sb="0" eb="1">
      <t>ゴウ</t>
    </rPh>
    <rPh sb="13" eb="14">
      <t>ケイ</t>
    </rPh>
    <phoneticPr fontId="5"/>
  </si>
  <si>
    <t>３  し尿及び浄化槽汚泥の処理・処分内訳</t>
    <rPh sb="4" eb="5">
      <t>ニョウ</t>
    </rPh>
    <rPh sb="5" eb="6">
      <t>オヨ</t>
    </rPh>
    <rPh sb="7" eb="10">
      <t>ジョウカソウ</t>
    </rPh>
    <rPh sb="10" eb="12">
      <t>オデイ</t>
    </rPh>
    <rPh sb="13" eb="15">
      <t>ショリ</t>
    </rPh>
    <rPh sb="16" eb="18">
      <t>ショブン</t>
    </rPh>
    <rPh sb="18" eb="20">
      <t>ウチワケ</t>
    </rPh>
    <phoneticPr fontId="5"/>
  </si>
  <si>
    <t>注）　１.一部組合構成市町村以外の委託分を除く。</t>
    <rPh sb="0" eb="1">
      <t>チュウ</t>
    </rPh>
    <rPh sb="5" eb="7">
      <t>イチブ</t>
    </rPh>
    <rPh sb="7" eb="9">
      <t>クミアイ</t>
    </rPh>
    <rPh sb="9" eb="11">
      <t>コウセイ</t>
    </rPh>
    <rPh sb="11" eb="14">
      <t>シチョウソン</t>
    </rPh>
    <rPh sb="14" eb="16">
      <t>イガイ</t>
    </rPh>
    <rPh sb="17" eb="19">
      <t>イタク</t>
    </rPh>
    <rPh sb="19" eb="20">
      <t>ブン</t>
    </rPh>
    <rPh sb="21" eb="22">
      <t>ノゾ</t>
    </rPh>
    <phoneticPr fontId="2"/>
  </si>
  <si>
    <t>*****</t>
    <phoneticPr fontId="2"/>
  </si>
  <si>
    <t>　　　　 　*****印は、逗子市が葉山町に委託したものである。</t>
    <rPh sb="11" eb="12">
      <t>シルシ</t>
    </rPh>
    <rPh sb="14" eb="17">
      <t>ズシシ</t>
    </rPh>
    <rPh sb="18" eb="20">
      <t>ハヤマ</t>
    </rPh>
    <rPh sb="20" eb="21">
      <t>マチ</t>
    </rPh>
    <rPh sb="22" eb="24">
      <t>イタク</t>
    </rPh>
    <phoneticPr fontId="5"/>
  </si>
  <si>
    <t xml:space="preserve">          *****印は、逗子市が葉山町に委託したものである。</t>
    <phoneticPr fontId="2"/>
  </si>
  <si>
    <t>　　　  　****印は、民間し尿処理業者に委託したものである。</t>
    <rPh sb="10" eb="11">
      <t>シルシ</t>
    </rPh>
    <rPh sb="13" eb="15">
      <t>ミンカン</t>
    </rPh>
    <rPh sb="16" eb="17">
      <t>ニョウ</t>
    </rPh>
    <rPh sb="17" eb="19">
      <t>ショリ</t>
    </rPh>
    <rPh sb="19" eb="21">
      <t>ギョウシャ</t>
    </rPh>
    <rPh sb="22" eb="24">
      <t>イタク</t>
    </rPh>
    <phoneticPr fontId="5"/>
  </si>
  <si>
    <t>*****</t>
    <phoneticPr fontId="2"/>
  </si>
  <si>
    <t xml:space="preserve">        　 *** 印は、静岡県熱海市に委託したものである。</t>
    <rPh sb="14" eb="15">
      <t>シルシ</t>
    </rPh>
    <rPh sb="17" eb="19">
      <t>シズオカ</t>
    </rPh>
    <rPh sb="19" eb="20">
      <t>ケン</t>
    </rPh>
    <rPh sb="20" eb="23">
      <t>アタミシ</t>
    </rPh>
    <rPh sb="24" eb="26">
      <t>イタク</t>
    </rPh>
    <phoneticPr fontId="5"/>
  </si>
  <si>
    <t>＝⑤～⑦</t>
    <phoneticPr fontId="5"/>
  </si>
  <si>
    <t>○</t>
  </si>
  <si>
    <t/>
  </si>
  <si>
    <t>令和６年10月1日現在</t>
  </si>
  <si>
    <t>(注）逗子市の計画処理区域内人口には、米軍住宅地の収集人口 3,000 人を含む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6" formatCode="&quot;¥&quot;#,##0;[Red]&quot;¥&quot;\-#,##0"/>
    <numFmt numFmtId="176" formatCode="#,##0;&quot;△ &quot;#,##0"/>
    <numFmt numFmtId="177" formatCode="#,##0.0;[Red]\-#,##0.0"/>
    <numFmt numFmtId="178" formatCode="#,##0.0;&quot;△ &quot;#,##0.0"/>
    <numFmt numFmtId="179" formatCode="0.0_);[Red]\(0.0\)"/>
    <numFmt numFmtId="180" formatCode="\(#,###\)"/>
    <numFmt numFmtId="181" formatCode="#,##0_);[Red]\(#,##0\)"/>
  </numFmts>
  <fonts count="17" x14ac:knownFonts="1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8"/>
      <name val="ＭＳ Ｐ明朝"/>
      <family val="1"/>
      <charset val="128"/>
    </font>
    <font>
      <sz val="11"/>
      <name val="ＭＳ Ｐ明朝"/>
      <family val="1"/>
      <charset val="128"/>
    </font>
    <font>
      <sz val="14"/>
      <name val="ＭＳ Ｐ明朝"/>
      <family val="1"/>
      <charset val="128"/>
    </font>
    <font>
      <b/>
      <sz val="12"/>
      <name val="ＭＳ Ｐ明朝"/>
      <family val="1"/>
      <charset val="128"/>
    </font>
    <font>
      <sz val="9"/>
      <name val="ＭＳ Ｐ明朝"/>
      <family val="1"/>
      <charset val="128"/>
    </font>
    <font>
      <b/>
      <sz val="14"/>
      <name val="ＭＳ Ｐ明朝"/>
      <family val="1"/>
      <charset val="128"/>
    </font>
    <font>
      <sz val="12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14"/>
      <name val="ＭＳ Ｐゴシック"/>
      <family val="3"/>
      <charset val="128"/>
    </font>
    <font>
      <sz val="13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81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</borders>
  <cellStyleXfs count="9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3" fillId="0" borderId="0">
      <alignment vertical="center"/>
    </xf>
    <xf numFmtId="0" fontId="4" fillId="0" borderId="0"/>
    <xf numFmtId="9" fontId="4" fillId="0" borderId="0" applyFont="0" applyFill="0" applyBorder="0" applyAlignment="0" applyProtection="0"/>
    <xf numFmtId="38" fontId="4" fillId="0" borderId="0" applyFont="0" applyFill="0" applyBorder="0" applyAlignment="0" applyProtection="0"/>
    <xf numFmtId="6" fontId="3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4" fillId="0" borderId="0"/>
  </cellStyleXfs>
  <cellXfs count="549">
    <xf numFmtId="0" fontId="0" fillId="0" borderId="0" xfId="0">
      <alignment vertical="center"/>
    </xf>
    <xf numFmtId="176" fontId="9" fillId="0" borderId="0" xfId="3" applyNumberFormat="1" applyFont="1" applyFill="1" applyAlignment="1">
      <alignment vertical="center"/>
    </xf>
    <xf numFmtId="176" fontId="8" fillId="0" borderId="0" xfId="3" applyNumberFormat="1" applyFont="1" applyFill="1" applyAlignment="1">
      <alignment vertical="center"/>
    </xf>
    <xf numFmtId="176" fontId="10" fillId="0" borderId="0" xfId="3" applyNumberFormat="1" applyFont="1" applyFill="1" applyAlignment="1">
      <alignment vertical="center"/>
    </xf>
    <xf numFmtId="176" fontId="8" fillId="0" borderId="0" xfId="3" applyNumberFormat="1" applyFont="1" applyFill="1" applyBorder="1" applyAlignment="1">
      <alignment vertical="center"/>
    </xf>
    <xf numFmtId="176" fontId="4" fillId="0" borderId="0" xfId="3" applyNumberFormat="1" applyFont="1" applyFill="1" applyAlignment="1">
      <alignment vertical="top"/>
    </xf>
    <xf numFmtId="176" fontId="8" fillId="0" borderId="0" xfId="3" applyNumberFormat="1" applyFont="1" applyFill="1" applyAlignment="1">
      <alignment vertical="top"/>
    </xf>
    <xf numFmtId="176" fontId="8" fillId="0" borderId="0" xfId="3" applyNumberFormat="1" applyFont="1" applyFill="1" applyBorder="1" applyAlignment="1">
      <alignment vertical="top"/>
    </xf>
    <xf numFmtId="176" fontId="11" fillId="0" borderId="10" xfId="3" applyNumberFormat="1" applyFont="1" applyFill="1" applyBorder="1" applyAlignment="1">
      <alignment horizontal="distributed" vertical="center"/>
    </xf>
    <xf numFmtId="176" fontId="8" fillId="0" borderId="0" xfId="3" applyNumberFormat="1" applyFont="1" applyFill="1" applyAlignment="1">
      <alignment horizontal="distributed" vertical="center"/>
    </xf>
    <xf numFmtId="176" fontId="11" fillId="0" borderId="14" xfId="3" applyNumberFormat="1" applyFont="1" applyFill="1" applyBorder="1" applyAlignment="1">
      <alignment horizontal="distributed" vertical="center"/>
    </xf>
    <xf numFmtId="176" fontId="11" fillId="0" borderId="11" xfId="3" applyNumberFormat="1" applyFont="1" applyFill="1" applyBorder="1" applyAlignment="1">
      <alignment horizontal="distributed" vertical="center" wrapText="1"/>
    </xf>
    <xf numFmtId="176" fontId="11" fillId="0" borderId="25" xfId="3" applyNumberFormat="1" applyFont="1" applyFill="1" applyBorder="1" applyAlignment="1">
      <alignment horizontal="distributed" vertical="center"/>
    </xf>
    <xf numFmtId="176" fontId="11" fillId="0" borderId="25" xfId="3" applyNumberFormat="1" applyFont="1" applyFill="1" applyBorder="1" applyAlignment="1">
      <alignment horizontal="center" vertical="center"/>
    </xf>
    <xf numFmtId="176" fontId="11" fillId="0" borderId="26" xfId="3" applyNumberFormat="1" applyFont="1" applyFill="1" applyBorder="1" applyAlignment="1">
      <alignment horizontal="center" vertical="center"/>
    </xf>
    <xf numFmtId="176" fontId="11" fillId="0" borderId="27" xfId="3" applyNumberFormat="1" applyFont="1" applyFill="1" applyBorder="1" applyAlignment="1">
      <alignment horizontal="center" vertical="center"/>
    </xf>
    <xf numFmtId="176" fontId="11" fillId="0" borderId="28" xfId="3" applyNumberFormat="1" applyFont="1" applyFill="1" applyBorder="1" applyAlignment="1">
      <alignment horizontal="center" vertical="center"/>
    </xf>
    <xf numFmtId="176" fontId="11" fillId="0" borderId="29" xfId="3" applyNumberFormat="1" applyFont="1" applyFill="1" applyBorder="1" applyAlignment="1">
      <alignment horizontal="center" vertical="center"/>
    </xf>
    <xf numFmtId="176" fontId="11" fillId="0" borderId="33" xfId="3" applyNumberFormat="1" applyFont="1" applyFill="1" applyBorder="1" applyAlignment="1">
      <alignment horizontal="center" vertical="center"/>
    </xf>
    <xf numFmtId="176" fontId="11" fillId="0" borderId="31" xfId="3" applyNumberFormat="1" applyFont="1" applyFill="1" applyBorder="1" applyAlignment="1">
      <alignment horizontal="center" vertical="center"/>
    </xf>
    <xf numFmtId="176" fontId="11" fillId="0" borderId="34" xfId="3" applyNumberFormat="1" applyFont="1" applyFill="1" applyBorder="1" applyAlignment="1">
      <alignment horizontal="center" vertical="center"/>
    </xf>
    <xf numFmtId="176" fontId="11" fillId="0" borderId="21" xfId="3" applyNumberFormat="1" applyFont="1" applyFill="1" applyBorder="1" applyAlignment="1">
      <alignment horizontal="distributed" vertical="center"/>
    </xf>
    <xf numFmtId="176" fontId="11" fillId="0" borderId="35" xfId="3" applyNumberFormat="1" applyFont="1" applyFill="1" applyBorder="1" applyAlignment="1">
      <alignment horizontal="center" vertical="center"/>
    </xf>
    <xf numFmtId="176" fontId="11" fillId="0" borderId="36" xfId="3" applyNumberFormat="1" applyFont="1" applyFill="1" applyBorder="1" applyAlignment="1">
      <alignment horizontal="center" vertical="center"/>
    </xf>
    <xf numFmtId="176" fontId="11" fillId="0" borderId="37" xfId="3" applyNumberFormat="1" applyFont="1" applyFill="1" applyBorder="1" applyAlignment="1">
      <alignment horizontal="center" vertical="center"/>
    </xf>
    <xf numFmtId="176" fontId="11" fillId="0" borderId="38" xfId="3" applyNumberFormat="1" applyFont="1" applyFill="1" applyBorder="1" applyAlignment="1">
      <alignment horizontal="center" vertical="center"/>
    </xf>
    <xf numFmtId="176" fontId="11" fillId="0" borderId="10" xfId="3" applyNumberFormat="1" applyFont="1" applyFill="1" applyBorder="1" applyAlignment="1">
      <alignment horizontal="center" vertical="center"/>
    </xf>
    <xf numFmtId="176" fontId="11" fillId="0" borderId="39" xfId="3" applyNumberFormat="1" applyFont="1" applyFill="1" applyBorder="1" applyAlignment="1">
      <alignment horizontal="center" vertical="center"/>
    </xf>
    <xf numFmtId="176" fontId="11" fillId="0" borderId="40" xfId="3" applyNumberFormat="1" applyFont="1" applyFill="1" applyBorder="1" applyAlignment="1">
      <alignment horizontal="center" vertical="center"/>
    </xf>
    <xf numFmtId="176" fontId="11" fillId="0" borderId="41" xfId="3" applyNumberFormat="1" applyFont="1" applyFill="1" applyBorder="1" applyAlignment="1">
      <alignment horizontal="center" vertical="center"/>
    </xf>
    <xf numFmtId="176" fontId="11" fillId="0" borderId="42" xfId="3" applyNumberFormat="1" applyFont="1" applyFill="1" applyBorder="1" applyAlignment="1">
      <alignment horizontal="distributed" vertical="center"/>
    </xf>
    <xf numFmtId="176" fontId="11" fillId="0" borderId="42" xfId="3" applyNumberFormat="1" applyFont="1" applyFill="1" applyBorder="1" applyAlignment="1">
      <alignment horizontal="center" vertical="center"/>
    </xf>
    <xf numFmtId="176" fontId="11" fillId="0" borderId="9" xfId="3" applyNumberFormat="1" applyFont="1" applyFill="1" applyBorder="1" applyAlignment="1">
      <alignment horizontal="center" vertical="center"/>
    </xf>
    <xf numFmtId="176" fontId="11" fillId="0" borderId="0" xfId="3" applyNumberFormat="1" applyFont="1" applyFill="1" applyBorder="1" applyAlignment="1">
      <alignment horizontal="center" vertical="center"/>
    </xf>
    <xf numFmtId="176" fontId="11" fillId="0" borderId="24" xfId="3" applyNumberFormat="1" applyFont="1" applyFill="1" applyBorder="1" applyAlignment="1">
      <alignment horizontal="center" vertical="center"/>
    </xf>
    <xf numFmtId="176" fontId="11" fillId="0" borderId="43" xfId="3" applyNumberFormat="1" applyFont="1" applyFill="1" applyBorder="1" applyAlignment="1">
      <alignment horizontal="center" vertical="center"/>
    </xf>
    <xf numFmtId="176" fontId="11" fillId="0" borderId="14" xfId="3" applyNumberFormat="1" applyFont="1" applyFill="1" applyBorder="1" applyAlignment="1">
      <alignment horizontal="center" vertical="center"/>
    </xf>
    <xf numFmtId="176" fontId="11" fillId="0" borderId="8" xfId="3" applyNumberFormat="1" applyFont="1" applyFill="1" applyBorder="1" applyAlignment="1">
      <alignment horizontal="center" vertical="center"/>
    </xf>
    <xf numFmtId="176" fontId="11" fillId="0" borderId="44" xfId="3" applyNumberFormat="1" applyFont="1" applyFill="1" applyBorder="1" applyAlignment="1">
      <alignment horizontal="center" vertical="center"/>
    </xf>
    <xf numFmtId="176" fontId="11" fillId="0" borderId="45" xfId="3" applyNumberFormat="1" applyFont="1" applyFill="1" applyBorder="1" applyAlignment="1">
      <alignment horizontal="center" vertical="center"/>
    </xf>
    <xf numFmtId="176" fontId="11" fillId="0" borderId="46" xfId="3" applyNumberFormat="1" applyFont="1" applyFill="1" applyBorder="1" applyAlignment="1">
      <alignment horizontal="center" vertical="center"/>
    </xf>
    <xf numFmtId="176" fontId="11" fillId="0" borderId="47" xfId="3" applyNumberFormat="1" applyFont="1" applyFill="1" applyBorder="1" applyAlignment="1">
      <alignment horizontal="center" vertical="center"/>
    </xf>
    <xf numFmtId="176" fontId="11" fillId="0" borderId="5" xfId="3" applyNumberFormat="1" applyFont="1" applyFill="1" applyBorder="1" applyAlignment="1">
      <alignment horizontal="center" vertical="center"/>
    </xf>
    <xf numFmtId="176" fontId="11" fillId="0" borderId="48" xfId="3" applyNumberFormat="1" applyFont="1" applyFill="1" applyBorder="1" applyAlignment="1">
      <alignment horizontal="center" vertical="center"/>
    </xf>
    <xf numFmtId="176" fontId="11" fillId="0" borderId="4" xfId="3" applyNumberFormat="1" applyFont="1" applyFill="1" applyBorder="1" applyAlignment="1">
      <alignment horizontal="center" vertical="center"/>
    </xf>
    <xf numFmtId="176" fontId="11" fillId="0" borderId="49" xfId="3" applyNumberFormat="1" applyFont="1" applyFill="1" applyBorder="1" applyAlignment="1">
      <alignment horizontal="distributed" vertical="center"/>
    </xf>
    <xf numFmtId="176" fontId="11" fillId="0" borderId="49" xfId="3" applyNumberFormat="1" applyFont="1" applyFill="1" applyBorder="1" applyAlignment="1">
      <alignment horizontal="center" vertical="center"/>
    </xf>
    <xf numFmtId="176" fontId="11" fillId="0" borderId="50" xfId="3" applyNumberFormat="1" applyFont="1" applyFill="1" applyBorder="1" applyAlignment="1">
      <alignment horizontal="center" vertical="center"/>
    </xf>
    <xf numFmtId="176" fontId="11" fillId="0" borderId="51" xfId="3" applyNumberFormat="1" applyFont="1" applyFill="1" applyBorder="1" applyAlignment="1">
      <alignment horizontal="center" vertical="center"/>
    </xf>
    <xf numFmtId="176" fontId="11" fillId="0" borderId="52" xfId="3" applyNumberFormat="1" applyFont="1" applyFill="1" applyBorder="1" applyAlignment="1">
      <alignment horizontal="center" vertical="center"/>
    </xf>
    <xf numFmtId="176" fontId="11" fillId="0" borderId="21" xfId="3" applyNumberFormat="1" applyFont="1" applyFill="1" applyBorder="1" applyAlignment="1">
      <alignment horizontal="center" vertical="center"/>
    </xf>
    <xf numFmtId="176" fontId="11" fillId="0" borderId="7" xfId="3" applyNumberFormat="1" applyFont="1" applyFill="1" applyBorder="1" applyAlignment="1">
      <alignment horizontal="center" vertical="center"/>
    </xf>
    <xf numFmtId="176" fontId="11" fillId="0" borderId="2" xfId="3" applyNumberFormat="1" applyFont="1" applyFill="1" applyBorder="1" applyAlignment="1">
      <alignment horizontal="center" vertical="center"/>
    </xf>
    <xf numFmtId="176" fontId="11" fillId="0" borderId="53" xfId="3" applyNumberFormat="1" applyFont="1" applyFill="1" applyBorder="1" applyAlignment="1">
      <alignment horizontal="center" vertical="center"/>
    </xf>
    <xf numFmtId="176" fontId="11" fillId="0" borderId="22" xfId="3" applyNumberFormat="1" applyFont="1" applyFill="1" applyBorder="1" applyAlignment="1">
      <alignment horizontal="center" vertical="center"/>
    </xf>
    <xf numFmtId="176" fontId="11" fillId="0" borderId="54" xfId="3" applyNumberFormat="1" applyFont="1" applyFill="1" applyBorder="1" applyAlignment="1">
      <alignment horizontal="center" vertical="center"/>
    </xf>
    <xf numFmtId="176" fontId="11" fillId="0" borderId="55" xfId="3" applyNumberFormat="1" applyFont="1" applyFill="1" applyBorder="1" applyAlignment="1">
      <alignment horizontal="center" vertical="center"/>
    </xf>
    <xf numFmtId="176" fontId="11" fillId="0" borderId="56" xfId="3" applyNumberFormat="1" applyFont="1" applyFill="1" applyBorder="1" applyAlignment="1">
      <alignment horizontal="center" vertical="center"/>
    </xf>
    <xf numFmtId="176" fontId="11" fillId="0" borderId="3" xfId="3" applyNumberFormat="1" applyFont="1" applyFill="1" applyBorder="1" applyAlignment="1">
      <alignment horizontal="center" vertical="center"/>
    </xf>
    <xf numFmtId="176" fontId="11" fillId="0" borderId="57" xfId="3" applyNumberFormat="1" applyFont="1" applyFill="1" applyBorder="1" applyAlignment="1">
      <alignment horizontal="distributed" vertical="center"/>
    </xf>
    <xf numFmtId="176" fontId="11" fillId="0" borderId="58" xfId="3" applyNumberFormat="1" applyFont="1" applyFill="1" applyBorder="1" applyAlignment="1">
      <alignment horizontal="center" vertical="center"/>
    </xf>
    <xf numFmtId="176" fontId="11" fillId="0" borderId="57" xfId="3" applyNumberFormat="1" applyFont="1" applyFill="1" applyBorder="1" applyAlignment="1">
      <alignment horizontal="center" vertical="center"/>
    </xf>
    <xf numFmtId="176" fontId="11" fillId="0" borderId="59" xfId="3" applyNumberFormat="1" applyFont="1" applyFill="1" applyBorder="1" applyAlignment="1">
      <alignment horizontal="center" vertical="center"/>
    </xf>
    <xf numFmtId="176" fontId="11" fillId="0" borderId="60" xfId="3" applyNumberFormat="1" applyFont="1" applyFill="1" applyBorder="1" applyAlignment="1">
      <alignment horizontal="center" vertical="center"/>
    </xf>
    <xf numFmtId="176" fontId="11" fillId="0" borderId="11" xfId="3" applyNumberFormat="1" applyFont="1" applyFill="1" applyBorder="1" applyAlignment="1">
      <alignment horizontal="center" vertical="center"/>
    </xf>
    <xf numFmtId="176" fontId="11" fillId="0" borderId="61" xfId="3" applyNumberFormat="1" applyFont="1" applyFill="1" applyBorder="1" applyAlignment="1">
      <alignment horizontal="center" vertical="center"/>
    </xf>
    <xf numFmtId="176" fontId="11" fillId="0" borderId="12" xfId="3" applyNumberFormat="1" applyFont="1" applyFill="1" applyBorder="1" applyAlignment="1">
      <alignment horizontal="center" vertical="center"/>
    </xf>
    <xf numFmtId="176" fontId="11" fillId="0" borderId="62" xfId="3" applyNumberFormat="1" applyFont="1" applyFill="1" applyBorder="1" applyAlignment="1">
      <alignment horizontal="center" vertical="center"/>
    </xf>
    <xf numFmtId="176" fontId="11" fillId="0" borderId="13" xfId="3" applyNumberFormat="1" applyFont="1" applyFill="1" applyBorder="1" applyAlignment="1">
      <alignment horizontal="center" vertical="center"/>
    </xf>
    <xf numFmtId="176" fontId="11" fillId="0" borderId="15" xfId="3" applyNumberFormat="1" applyFont="1" applyFill="1" applyBorder="1" applyAlignment="1">
      <alignment horizontal="center" vertical="center"/>
    </xf>
    <xf numFmtId="176" fontId="11" fillId="0" borderId="23" xfId="3" applyNumberFormat="1" applyFont="1" applyFill="1" applyBorder="1" applyAlignment="1">
      <alignment horizontal="center" vertical="center"/>
    </xf>
    <xf numFmtId="176" fontId="11" fillId="0" borderId="63" xfId="3" applyNumberFormat="1" applyFont="1" applyFill="1" applyBorder="1" applyAlignment="1">
      <alignment horizontal="center" vertical="center"/>
    </xf>
    <xf numFmtId="176" fontId="11" fillId="0" borderId="6" xfId="3" applyNumberFormat="1" applyFont="1" applyFill="1" applyBorder="1" applyAlignment="1">
      <alignment horizontal="center" vertical="center"/>
    </xf>
    <xf numFmtId="176" fontId="11" fillId="0" borderId="64" xfId="3" applyNumberFormat="1" applyFont="1" applyFill="1" applyBorder="1" applyAlignment="1">
      <alignment horizontal="center" vertical="center"/>
    </xf>
    <xf numFmtId="176" fontId="11" fillId="0" borderId="32" xfId="3" applyNumberFormat="1" applyFont="1" applyFill="1" applyBorder="1" applyAlignment="1">
      <alignment horizontal="center" vertical="center"/>
    </xf>
    <xf numFmtId="176" fontId="11" fillId="0" borderId="65" xfId="3" applyNumberFormat="1" applyFont="1" applyFill="1" applyBorder="1" applyAlignment="1">
      <alignment horizontal="center" vertical="center"/>
    </xf>
    <xf numFmtId="176" fontId="11" fillId="0" borderId="66" xfId="3" applyNumberFormat="1" applyFont="1" applyFill="1" applyBorder="1" applyAlignment="1">
      <alignment horizontal="center" vertical="center"/>
    </xf>
    <xf numFmtId="176" fontId="11" fillId="0" borderId="0" xfId="3" applyNumberFormat="1" applyFont="1" applyFill="1" applyAlignment="1">
      <alignment horizontal="right"/>
    </xf>
    <xf numFmtId="176" fontId="11" fillId="0" borderId="0" xfId="3" applyNumberFormat="1" applyFont="1" applyFill="1" applyAlignment="1"/>
    <xf numFmtId="176" fontId="8" fillId="0" borderId="0" xfId="3" applyNumberFormat="1" applyFont="1" applyFill="1" applyAlignment="1"/>
    <xf numFmtId="176" fontId="8" fillId="0" borderId="0" xfId="3" applyNumberFormat="1" applyFont="1" applyFill="1" applyAlignment="1" applyProtection="1">
      <alignment horizontal="distributed" vertical="center"/>
      <protection locked="0"/>
    </xf>
    <xf numFmtId="176" fontId="8" fillId="0" borderId="0" xfId="3" applyNumberFormat="1" applyFont="1" applyFill="1" applyAlignment="1">
      <alignment horizontal="center" vertical="center"/>
    </xf>
    <xf numFmtId="177" fontId="8" fillId="0" borderId="0" xfId="1" applyNumberFormat="1" applyFont="1" applyFill="1" applyAlignment="1">
      <alignment vertical="center"/>
    </xf>
    <xf numFmtId="177" fontId="10" fillId="0" borderId="0" xfId="1" applyNumberFormat="1" applyFont="1" applyFill="1" applyAlignment="1">
      <alignment vertical="center"/>
    </xf>
    <xf numFmtId="0" fontId="8" fillId="0" borderId="0" xfId="3" applyFont="1" applyFill="1"/>
    <xf numFmtId="177" fontId="8" fillId="0" borderId="0" xfId="1" applyNumberFormat="1" applyFont="1" applyFill="1" applyAlignment="1"/>
    <xf numFmtId="177" fontId="8" fillId="0" borderId="0" xfId="1" applyNumberFormat="1" applyFont="1" applyFill="1" applyAlignment="1">
      <alignment horizontal="right" vertical="center"/>
    </xf>
    <xf numFmtId="176" fontId="10" fillId="0" borderId="0" xfId="3" applyNumberFormat="1" applyFont="1" applyFill="1" applyAlignment="1">
      <alignment vertical="top"/>
    </xf>
    <xf numFmtId="176" fontId="12" fillId="0" borderId="0" xfId="3" applyNumberFormat="1" applyFont="1" applyFill="1" applyAlignment="1">
      <alignment vertical="top"/>
    </xf>
    <xf numFmtId="177" fontId="8" fillId="0" borderId="0" xfId="1" applyNumberFormat="1" applyFont="1" applyFill="1" applyBorder="1" applyAlignment="1">
      <alignment vertical="top"/>
    </xf>
    <xf numFmtId="177" fontId="8" fillId="0" borderId="0" xfId="1" applyNumberFormat="1" applyFont="1" applyFill="1" applyAlignment="1">
      <alignment vertical="top"/>
    </xf>
    <xf numFmtId="177" fontId="8" fillId="0" borderId="0" xfId="1" applyNumberFormat="1" applyFont="1" applyFill="1" applyAlignment="1">
      <alignment horizontal="right" vertical="top"/>
    </xf>
    <xf numFmtId="176" fontId="8" fillId="0" borderId="10" xfId="3" applyNumberFormat="1" applyFont="1" applyFill="1" applyBorder="1" applyAlignment="1">
      <alignment horizontal="distributed" vertical="center"/>
    </xf>
    <xf numFmtId="176" fontId="8" fillId="0" borderId="10" xfId="3" applyNumberFormat="1" applyFont="1" applyFill="1" applyBorder="1" applyAlignment="1">
      <alignment vertical="center"/>
    </xf>
    <xf numFmtId="176" fontId="8" fillId="0" borderId="16" xfId="3" applyNumberFormat="1" applyFont="1" applyFill="1" applyBorder="1" applyAlignment="1">
      <alignment vertical="center"/>
    </xf>
    <xf numFmtId="177" fontId="8" fillId="0" borderId="16" xfId="1" applyNumberFormat="1" applyFont="1" applyFill="1" applyBorder="1" applyAlignment="1">
      <alignment vertical="center"/>
    </xf>
    <xf numFmtId="176" fontId="8" fillId="0" borderId="12" xfId="3" applyNumberFormat="1" applyFont="1" applyFill="1" applyBorder="1" applyAlignment="1">
      <alignment vertical="center"/>
    </xf>
    <xf numFmtId="177" fontId="8" fillId="0" borderId="12" xfId="1" applyNumberFormat="1" applyFont="1" applyFill="1" applyBorder="1" applyAlignment="1">
      <alignment vertical="center"/>
    </xf>
    <xf numFmtId="177" fontId="8" fillId="0" borderId="13" xfId="1" applyNumberFormat="1" applyFont="1" applyFill="1" applyBorder="1" applyAlignment="1">
      <alignment vertical="center"/>
    </xf>
    <xf numFmtId="177" fontId="8" fillId="0" borderId="17" xfId="1" applyNumberFormat="1" applyFont="1" applyFill="1" applyBorder="1" applyAlignment="1">
      <alignment horizontal="center" vertical="center"/>
    </xf>
    <xf numFmtId="176" fontId="8" fillId="0" borderId="14" xfId="3" applyNumberFormat="1" applyFont="1" applyFill="1" applyBorder="1" applyAlignment="1">
      <alignment horizontal="center" vertical="center"/>
    </xf>
    <xf numFmtId="176" fontId="8" fillId="0" borderId="0" xfId="3" applyNumberFormat="1" applyFont="1" applyFill="1" applyBorder="1" applyAlignment="1">
      <alignment horizontal="distributed" vertical="center" justifyLastLine="1"/>
    </xf>
    <xf numFmtId="177" fontId="8" fillId="0" borderId="22" xfId="1" applyNumberFormat="1" applyFont="1" applyFill="1" applyBorder="1" applyAlignment="1">
      <alignment horizontal="distributed" vertical="center"/>
    </xf>
    <xf numFmtId="176" fontId="8" fillId="0" borderId="14" xfId="3" applyNumberFormat="1" applyFont="1" applyFill="1" applyBorder="1" applyAlignment="1">
      <alignment horizontal="left" vertical="center"/>
    </xf>
    <xf numFmtId="177" fontId="8" fillId="0" borderId="68" xfId="1" applyNumberFormat="1" applyFont="1" applyFill="1" applyBorder="1" applyAlignment="1">
      <alignment horizontal="distributed" vertical="center"/>
    </xf>
    <xf numFmtId="176" fontId="8" fillId="0" borderId="45" xfId="3" applyNumberFormat="1" applyFont="1" applyFill="1" applyBorder="1" applyAlignment="1">
      <alignment horizontal="left" vertical="center"/>
    </xf>
    <xf numFmtId="176" fontId="8" fillId="0" borderId="9" xfId="3" applyNumberFormat="1" applyFont="1" applyFill="1" applyBorder="1" applyAlignment="1">
      <alignment horizontal="left" vertical="center"/>
    </xf>
    <xf numFmtId="176" fontId="8" fillId="0" borderId="23" xfId="3" applyNumberFormat="1" applyFont="1" applyFill="1" applyBorder="1" applyAlignment="1">
      <alignment horizontal="distributed" vertical="top"/>
    </xf>
    <xf numFmtId="177" fontId="8" fillId="0" borderId="24" xfId="1" applyNumberFormat="1" applyFont="1" applyFill="1" applyBorder="1" applyAlignment="1">
      <alignment horizontal="distributed" vertical="center"/>
    </xf>
    <xf numFmtId="176" fontId="8" fillId="0" borderId="25" xfId="3" applyNumberFormat="1" applyFont="1" applyFill="1" applyBorder="1" applyAlignment="1">
      <alignment horizontal="distributed" vertical="center"/>
    </xf>
    <xf numFmtId="176" fontId="8" fillId="0" borderId="25" xfId="3" quotePrefix="1" applyNumberFormat="1" applyFont="1" applyFill="1" applyBorder="1" applyAlignment="1">
      <alignment horizontal="center" vertical="center"/>
    </xf>
    <xf numFmtId="176" fontId="8" fillId="0" borderId="25" xfId="3" applyNumberFormat="1" applyFont="1" applyFill="1" applyBorder="1" applyAlignment="1">
      <alignment horizontal="center" vertical="center"/>
    </xf>
    <xf numFmtId="177" fontId="6" fillId="0" borderId="65" xfId="1" applyNumberFormat="1" applyFont="1" applyFill="1" applyBorder="1" applyAlignment="1">
      <alignment horizontal="center" vertical="center" wrapText="1"/>
    </xf>
    <xf numFmtId="176" fontId="8" fillId="0" borderId="65" xfId="3" applyNumberFormat="1" applyFont="1" applyFill="1" applyBorder="1" applyAlignment="1">
      <alignment horizontal="center" vertical="center"/>
    </xf>
    <xf numFmtId="176" fontId="8" fillId="0" borderId="30" xfId="3" applyNumberFormat="1" applyFont="1" applyFill="1" applyBorder="1" applyAlignment="1">
      <alignment horizontal="distributed" vertical="top" justifyLastLine="1"/>
    </xf>
    <xf numFmtId="177" fontId="8" fillId="0" borderId="32" xfId="1" applyNumberFormat="1" applyFont="1" applyFill="1" applyBorder="1" applyAlignment="1">
      <alignment horizontal="center" vertical="center" wrapText="1"/>
    </xf>
    <xf numFmtId="176" fontId="8" fillId="0" borderId="21" xfId="3" applyNumberFormat="1" applyFont="1" applyFill="1" applyBorder="1" applyAlignment="1">
      <alignment horizontal="distributed" vertical="center"/>
    </xf>
    <xf numFmtId="176" fontId="8" fillId="0" borderId="70" xfId="3" applyNumberFormat="1" applyFont="1" applyFill="1" applyBorder="1" applyAlignment="1">
      <alignment vertical="center"/>
    </xf>
    <xf numFmtId="176" fontId="8" fillId="0" borderId="35" xfId="3" quotePrefix="1" applyNumberFormat="1" applyFont="1" applyFill="1" applyBorder="1" applyAlignment="1">
      <alignment horizontal="right" vertical="center"/>
    </xf>
    <xf numFmtId="177" fontId="8" fillId="0" borderId="71" xfId="1" applyNumberFormat="1" applyFont="1" applyFill="1" applyBorder="1" applyAlignment="1">
      <alignment horizontal="right" vertical="center"/>
    </xf>
    <xf numFmtId="178" fontId="8" fillId="0" borderId="40" xfId="3" applyNumberFormat="1" applyFont="1" applyFill="1" applyBorder="1" applyAlignment="1">
      <alignment horizontal="right" vertical="center"/>
    </xf>
    <xf numFmtId="176" fontId="8" fillId="0" borderId="63" xfId="3" applyNumberFormat="1" applyFont="1" applyFill="1" applyBorder="1" applyAlignment="1">
      <alignment horizontal="right" vertical="center"/>
    </xf>
    <xf numFmtId="177" fontId="8" fillId="0" borderId="45" xfId="1" applyNumberFormat="1" applyFont="1" applyFill="1" applyBorder="1" applyAlignment="1">
      <alignment horizontal="right" vertical="center"/>
    </xf>
    <xf numFmtId="176" fontId="8" fillId="0" borderId="45" xfId="3" applyNumberFormat="1" applyFont="1" applyFill="1" applyBorder="1" applyAlignment="1">
      <alignment horizontal="right" vertical="center"/>
    </xf>
    <xf numFmtId="177" fontId="8" fillId="0" borderId="24" xfId="1" applyNumberFormat="1" applyFont="1" applyFill="1" applyBorder="1" applyAlignment="1">
      <alignment horizontal="right" vertical="center"/>
    </xf>
    <xf numFmtId="176" fontId="8" fillId="0" borderId="10" xfId="3" applyNumberFormat="1" applyFont="1" applyFill="1" applyBorder="1" applyAlignment="1">
      <alignment horizontal="right" vertical="center"/>
    </xf>
    <xf numFmtId="176" fontId="8" fillId="0" borderId="36" xfId="3" applyNumberFormat="1" applyFont="1" applyFill="1" applyBorder="1" applyAlignment="1">
      <alignment horizontal="right" vertical="center"/>
    </xf>
    <xf numFmtId="177" fontId="8" fillId="0" borderId="38" xfId="1" applyNumberFormat="1" applyFont="1" applyFill="1" applyBorder="1" applyAlignment="1">
      <alignment horizontal="right" vertical="center"/>
    </xf>
    <xf numFmtId="176" fontId="8" fillId="0" borderId="21" xfId="3" applyNumberFormat="1" applyFont="1" applyFill="1" applyBorder="1" applyAlignment="1">
      <alignment horizontal="right" vertical="center"/>
    </xf>
    <xf numFmtId="176" fontId="8" fillId="0" borderId="42" xfId="3" applyNumberFormat="1" applyFont="1" applyFill="1" applyBorder="1" applyAlignment="1">
      <alignment horizontal="distributed" vertical="center"/>
    </xf>
    <xf numFmtId="176" fontId="8" fillId="0" borderId="72" xfId="3" applyNumberFormat="1" applyFont="1" applyFill="1" applyBorder="1" applyAlignment="1">
      <alignment vertical="center"/>
    </xf>
    <xf numFmtId="176" fontId="8" fillId="0" borderId="42" xfId="3" quotePrefix="1" applyNumberFormat="1" applyFont="1" applyFill="1" applyBorder="1" applyAlignment="1">
      <alignment horizontal="right" vertical="center"/>
    </xf>
    <xf numFmtId="177" fontId="8" fillId="0" borderId="4" xfId="1" applyNumberFormat="1" applyFont="1" applyFill="1" applyBorder="1" applyAlignment="1">
      <alignment horizontal="right" vertical="center"/>
    </xf>
    <xf numFmtId="178" fontId="8" fillId="0" borderId="4" xfId="3" applyNumberFormat="1" applyFont="1" applyFill="1" applyBorder="1" applyAlignment="1">
      <alignment horizontal="right" vertical="center"/>
    </xf>
    <xf numFmtId="176" fontId="8" fillId="0" borderId="6" xfId="3" applyNumberFormat="1" applyFont="1" applyFill="1" applyBorder="1" applyAlignment="1">
      <alignment horizontal="right" vertical="center"/>
    </xf>
    <xf numFmtId="176" fontId="8" fillId="0" borderId="4" xfId="3" applyNumberFormat="1" applyFont="1" applyFill="1" applyBorder="1" applyAlignment="1">
      <alignment horizontal="right" vertical="center"/>
    </xf>
    <xf numFmtId="177" fontId="8" fillId="0" borderId="47" xfId="1" applyNumberFormat="1" applyFont="1" applyFill="1" applyBorder="1" applyAlignment="1">
      <alignment horizontal="right" vertical="center"/>
    </xf>
    <xf numFmtId="176" fontId="8" fillId="0" borderId="42" xfId="3" applyNumberFormat="1" applyFont="1" applyFill="1" applyBorder="1" applyAlignment="1">
      <alignment horizontal="right" vertical="center"/>
    </xf>
    <xf numFmtId="176" fontId="8" fillId="0" borderId="8" xfId="3" applyNumberFormat="1" applyFont="1" applyFill="1" applyBorder="1" applyAlignment="1">
      <alignment horizontal="right" vertical="center"/>
    </xf>
    <xf numFmtId="176" fontId="8" fillId="0" borderId="72" xfId="3" applyNumberFormat="1" applyFont="1" applyFill="1" applyBorder="1" applyAlignment="1">
      <alignment horizontal="distributed" vertical="center"/>
    </xf>
    <xf numFmtId="176" fontId="8" fillId="0" borderId="45" xfId="3" applyNumberFormat="1" applyFont="1" applyFill="1" applyBorder="1" applyAlignment="1">
      <alignment vertical="center"/>
    </xf>
    <xf numFmtId="176" fontId="8" fillId="0" borderId="21" xfId="3" quotePrefix="1" applyNumberFormat="1" applyFont="1" applyFill="1" applyBorder="1" applyAlignment="1">
      <alignment horizontal="right" vertical="center"/>
    </xf>
    <xf numFmtId="177" fontId="8" fillId="0" borderId="55" xfId="1" applyNumberFormat="1" applyFont="1" applyFill="1" applyBorder="1" applyAlignment="1">
      <alignment horizontal="right" vertical="center"/>
    </xf>
    <xf numFmtId="177" fontId="8" fillId="0" borderId="53" xfId="1" applyNumberFormat="1" applyFont="1" applyFill="1" applyBorder="1" applyAlignment="1">
      <alignment horizontal="right" vertical="center"/>
    </xf>
    <xf numFmtId="176" fontId="8" fillId="0" borderId="4" xfId="3" applyNumberFormat="1" applyFont="1" applyFill="1" applyBorder="1" applyAlignment="1">
      <alignment vertical="center"/>
    </xf>
    <xf numFmtId="176" fontId="8" fillId="0" borderId="73" xfId="3" applyNumberFormat="1" applyFont="1" applyFill="1" applyBorder="1" applyAlignment="1">
      <alignment horizontal="distributed" vertical="center"/>
    </xf>
    <xf numFmtId="176" fontId="8" fillId="0" borderId="52" xfId="3" applyNumberFormat="1" applyFont="1" applyFill="1" applyBorder="1" applyAlignment="1">
      <alignment vertical="center"/>
    </xf>
    <xf numFmtId="176" fontId="8" fillId="0" borderId="49" xfId="3" quotePrefix="1" applyNumberFormat="1" applyFont="1" applyFill="1" applyBorder="1" applyAlignment="1">
      <alignment horizontal="right" vertical="center"/>
    </xf>
    <xf numFmtId="177" fontId="8" fillId="0" borderId="52" xfId="1" applyNumberFormat="1" applyFont="1" applyFill="1" applyBorder="1" applyAlignment="1">
      <alignment horizontal="right" vertical="center"/>
    </xf>
    <xf numFmtId="178" fontId="8" fillId="0" borderId="52" xfId="3" applyNumberFormat="1" applyFont="1" applyFill="1" applyBorder="1" applyAlignment="1">
      <alignment horizontal="right" vertical="center"/>
    </xf>
    <xf numFmtId="176" fontId="8" fillId="0" borderId="27" xfId="3" applyNumberFormat="1" applyFont="1" applyFill="1" applyBorder="1" applyAlignment="1">
      <alignment horizontal="right" vertical="center"/>
    </xf>
    <xf numFmtId="176" fontId="8" fillId="0" borderId="52" xfId="3" applyNumberFormat="1" applyFont="1" applyFill="1" applyBorder="1" applyAlignment="1">
      <alignment horizontal="right" vertical="center"/>
    </xf>
    <xf numFmtId="177" fontId="8" fillId="0" borderId="28" xfId="1" applyNumberFormat="1" applyFont="1" applyFill="1" applyBorder="1" applyAlignment="1">
      <alignment horizontal="right" vertical="center"/>
    </xf>
    <xf numFmtId="176" fontId="8" fillId="0" borderId="49" xfId="3" applyNumberFormat="1" applyFont="1" applyFill="1" applyBorder="1" applyAlignment="1">
      <alignment horizontal="right" vertical="center"/>
    </xf>
    <xf numFmtId="176" fontId="8" fillId="0" borderId="3" xfId="3" applyNumberFormat="1" applyFont="1" applyFill="1" applyBorder="1" applyAlignment="1">
      <alignment horizontal="right" vertical="center"/>
    </xf>
    <xf numFmtId="177" fontId="8" fillId="0" borderId="46" xfId="1" applyNumberFormat="1" applyFont="1" applyFill="1" applyBorder="1" applyAlignment="1">
      <alignment horizontal="right" vertical="center"/>
    </xf>
    <xf numFmtId="176" fontId="8" fillId="0" borderId="57" xfId="3" applyNumberFormat="1" applyFont="1" applyFill="1" applyBorder="1" applyAlignment="1">
      <alignment horizontal="right" vertical="center"/>
    </xf>
    <xf numFmtId="176" fontId="8" fillId="0" borderId="74" xfId="3" applyNumberFormat="1" applyFont="1" applyFill="1" applyBorder="1" applyAlignment="1">
      <alignment horizontal="distributed" vertical="center"/>
    </xf>
    <xf numFmtId="176" fontId="8" fillId="0" borderId="55" xfId="3" applyNumberFormat="1" applyFont="1" applyFill="1" applyBorder="1" applyAlignment="1">
      <alignment horizontal="right" vertical="center"/>
    </xf>
    <xf numFmtId="176" fontId="8" fillId="0" borderId="35" xfId="3" applyNumberFormat="1" applyFont="1" applyFill="1" applyBorder="1" applyAlignment="1">
      <alignment horizontal="right" vertical="center"/>
    </xf>
    <xf numFmtId="177" fontId="8" fillId="0" borderId="8" xfId="1" applyNumberFormat="1" applyFont="1" applyFill="1" applyBorder="1" applyAlignment="1">
      <alignment horizontal="right" vertical="center"/>
    </xf>
    <xf numFmtId="176" fontId="8" fillId="0" borderId="26" xfId="3" applyNumberFormat="1" applyFont="1" applyFill="1" applyBorder="1" applyAlignment="1">
      <alignment horizontal="right" vertical="center"/>
    </xf>
    <xf numFmtId="178" fontId="8" fillId="0" borderId="55" xfId="3" applyNumberFormat="1" applyFont="1" applyFill="1" applyBorder="1" applyAlignment="1">
      <alignment horizontal="right" vertical="center"/>
    </xf>
    <xf numFmtId="176" fontId="8" fillId="0" borderId="7" xfId="3" applyNumberFormat="1" applyFont="1" applyFill="1" applyBorder="1" applyAlignment="1">
      <alignment horizontal="right" vertical="center"/>
    </xf>
    <xf numFmtId="176" fontId="8" fillId="0" borderId="19" xfId="3" applyNumberFormat="1" applyFont="1" applyFill="1" applyBorder="1" applyAlignment="1">
      <alignment horizontal="right" vertical="center"/>
    </xf>
    <xf numFmtId="176" fontId="8" fillId="0" borderId="75" xfId="3" applyNumberFormat="1" applyFont="1" applyFill="1" applyBorder="1" applyAlignment="1">
      <alignment horizontal="distributed" vertical="center"/>
    </xf>
    <xf numFmtId="176" fontId="8" fillId="0" borderId="57" xfId="3" quotePrefix="1" applyNumberFormat="1" applyFont="1" applyFill="1" applyBorder="1" applyAlignment="1">
      <alignment horizontal="right" vertical="center"/>
    </xf>
    <xf numFmtId="177" fontId="8" fillId="0" borderId="60" xfId="1" applyNumberFormat="1" applyFont="1" applyFill="1" applyBorder="1" applyAlignment="1">
      <alignment horizontal="right" vertical="center"/>
    </xf>
    <xf numFmtId="176" fontId="8" fillId="0" borderId="60" xfId="3" applyNumberFormat="1" applyFont="1" applyFill="1" applyBorder="1" applyAlignment="1">
      <alignment horizontal="right" vertical="center"/>
    </xf>
    <xf numFmtId="176" fontId="8" fillId="0" borderId="11" xfId="3" applyNumberFormat="1" applyFont="1" applyFill="1" applyBorder="1" applyAlignment="1">
      <alignment horizontal="center" vertical="center"/>
    </xf>
    <xf numFmtId="176" fontId="8" fillId="0" borderId="1" xfId="3" applyNumberFormat="1" applyFont="1" applyFill="1" applyBorder="1" applyAlignment="1">
      <alignment vertical="center"/>
    </xf>
    <xf numFmtId="176" fontId="8" fillId="0" borderId="11" xfId="3" quotePrefix="1" applyNumberFormat="1" applyFont="1" applyFill="1" applyBorder="1" applyAlignment="1">
      <alignment horizontal="right" vertical="center"/>
    </xf>
    <xf numFmtId="177" fontId="8" fillId="0" borderId="15" xfId="1" applyNumberFormat="1" applyFont="1" applyFill="1" applyBorder="1" applyAlignment="1">
      <alignment horizontal="right" vertical="center"/>
    </xf>
    <xf numFmtId="178" fontId="8" fillId="0" borderId="65" xfId="3" applyNumberFormat="1" applyFont="1" applyFill="1" applyBorder="1" applyAlignment="1">
      <alignment horizontal="right" vertical="center"/>
    </xf>
    <xf numFmtId="176" fontId="8" fillId="0" borderId="0" xfId="3" applyNumberFormat="1" applyFont="1" applyFill="1" applyBorder="1" applyAlignment="1">
      <alignment horizontal="right" vertical="center"/>
    </xf>
    <xf numFmtId="176" fontId="8" fillId="0" borderId="15" xfId="3" applyNumberFormat="1" applyFont="1" applyFill="1" applyBorder="1" applyAlignment="1">
      <alignment horizontal="right" vertical="center"/>
    </xf>
    <xf numFmtId="177" fontId="8" fillId="0" borderId="62" xfId="1" applyNumberFormat="1" applyFont="1" applyFill="1" applyBorder="1" applyAlignment="1">
      <alignment horizontal="right" vertical="center"/>
    </xf>
    <xf numFmtId="176" fontId="8" fillId="0" borderId="11" xfId="3" applyNumberFormat="1" applyFont="1" applyFill="1" applyBorder="1" applyAlignment="1">
      <alignment horizontal="right" vertical="center"/>
    </xf>
    <xf numFmtId="176" fontId="8" fillId="0" borderId="9" xfId="3" applyNumberFormat="1" applyFont="1" applyFill="1" applyBorder="1" applyAlignment="1">
      <alignment horizontal="right" vertical="center"/>
    </xf>
    <xf numFmtId="176" fontId="8" fillId="0" borderId="14" xfId="3" applyNumberFormat="1" applyFont="1" applyFill="1" applyBorder="1" applyAlignment="1">
      <alignment horizontal="right" vertical="center"/>
    </xf>
    <xf numFmtId="176" fontId="8" fillId="0" borderId="68" xfId="3" applyNumberFormat="1" applyFont="1" applyFill="1" applyBorder="1" applyAlignment="1">
      <alignment horizontal="right" vertical="center"/>
    </xf>
    <xf numFmtId="177" fontId="8" fillId="0" borderId="40" xfId="1" applyNumberFormat="1" applyFont="1" applyFill="1" applyBorder="1" applyAlignment="1">
      <alignment horizontal="right" vertical="center"/>
    </xf>
    <xf numFmtId="176" fontId="8" fillId="0" borderId="76" xfId="3" applyNumberFormat="1" applyFont="1" applyFill="1" applyBorder="1" applyAlignment="1">
      <alignment horizontal="right" vertical="center"/>
    </xf>
    <xf numFmtId="178" fontId="8" fillId="0" borderId="15" xfId="3" applyNumberFormat="1" applyFont="1" applyFill="1" applyBorder="1" applyAlignment="1">
      <alignment horizontal="right" vertical="center"/>
    </xf>
    <xf numFmtId="176" fontId="8" fillId="0" borderId="64" xfId="3" applyNumberFormat="1" applyFont="1" applyFill="1" applyBorder="1" applyAlignment="1">
      <alignment horizontal="right" vertical="center"/>
    </xf>
    <xf numFmtId="176" fontId="8" fillId="0" borderId="61" xfId="3" applyNumberFormat="1" applyFont="1" applyFill="1" applyBorder="1" applyAlignment="1">
      <alignment horizontal="right" vertical="center"/>
    </xf>
    <xf numFmtId="176" fontId="8" fillId="0" borderId="77" xfId="3" applyNumberFormat="1" applyFont="1" applyFill="1" applyBorder="1" applyAlignment="1">
      <alignment vertical="center"/>
    </xf>
    <xf numFmtId="176" fontId="8" fillId="0" borderId="25" xfId="3" applyNumberFormat="1" applyFont="1" applyFill="1" applyBorder="1" applyAlignment="1">
      <alignment horizontal="right" vertical="center"/>
    </xf>
    <xf numFmtId="177" fontId="8" fillId="0" borderId="65" xfId="1" applyNumberFormat="1" applyFont="1" applyFill="1" applyBorder="1" applyAlignment="1">
      <alignment horizontal="right" vertical="center"/>
    </xf>
    <xf numFmtId="176" fontId="8" fillId="0" borderId="65" xfId="3" applyNumberFormat="1" applyFont="1" applyFill="1" applyBorder="1" applyAlignment="1">
      <alignment horizontal="right" vertical="center"/>
    </xf>
    <xf numFmtId="177" fontId="8" fillId="0" borderId="32" xfId="1" applyNumberFormat="1" applyFont="1" applyFill="1" applyBorder="1" applyAlignment="1">
      <alignment horizontal="right" vertical="center"/>
    </xf>
    <xf numFmtId="176" fontId="8" fillId="0" borderId="0" xfId="3" applyNumberFormat="1" applyFont="1" applyFill="1" applyBorder="1" applyAlignment="1">
      <alignment horizontal="distributed" vertical="center"/>
    </xf>
    <xf numFmtId="176" fontId="13" fillId="0" borderId="0" xfId="3" applyNumberFormat="1" applyFont="1" applyFill="1" applyAlignment="1">
      <alignment vertical="top"/>
    </xf>
    <xf numFmtId="176" fontId="8" fillId="0" borderId="34" xfId="3" applyNumberFormat="1" applyFont="1" applyFill="1" applyBorder="1" applyAlignment="1">
      <alignment horizontal="distributed" vertical="center"/>
    </xf>
    <xf numFmtId="176" fontId="8" fillId="0" borderId="0" xfId="3" applyNumberFormat="1" applyFont="1" applyFill="1" applyAlignment="1">
      <alignment horizontal="right" vertical="top"/>
    </xf>
    <xf numFmtId="176" fontId="8" fillId="0" borderId="35" xfId="3" applyNumberFormat="1" applyFont="1" applyFill="1" applyBorder="1" applyAlignment="1">
      <alignment horizontal="distributed" vertical="center"/>
    </xf>
    <xf numFmtId="176" fontId="8" fillId="0" borderId="39" xfId="3" applyNumberFormat="1" applyFont="1" applyFill="1" applyBorder="1" applyAlignment="1">
      <alignment horizontal="distributed" vertical="center"/>
    </xf>
    <xf numFmtId="176" fontId="8" fillId="0" borderId="37" xfId="3" applyNumberFormat="1" applyFont="1" applyFill="1" applyBorder="1" applyAlignment="1">
      <alignment horizontal="distributed" vertical="center"/>
    </xf>
    <xf numFmtId="176" fontId="8" fillId="0" borderId="3" xfId="3" applyNumberFormat="1" applyFont="1" applyFill="1" applyBorder="1" applyAlignment="1">
      <alignment vertical="center" wrapText="1"/>
    </xf>
    <xf numFmtId="176" fontId="8" fillId="0" borderId="46" xfId="3" applyNumberFormat="1" applyFont="1" applyFill="1" applyBorder="1" applyAlignment="1">
      <alignment vertical="center" wrapText="1"/>
    </xf>
    <xf numFmtId="176" fontId="8" fillId="0" borderId="57" xfId="3" applyNumberFormat="1" applyFont="1" applyFill="1" applyBorder="1" applyAlignment="1">
      <alignment horizontal="left" vertical="center"/>
    </xf>
    <xf numFmtId="176" fontId="8" fillId="0" borderId="60" xfId="3" applyNumberFormat="1" applyFont="1" applyFill="1" applyBorder="1" applyAlignment="1">
      <alignment horizontal="left" vertical="center"/>
    </xf>
    <xf numFmtId="176" fontId="8" fillId="0" borderId="76" xfId="3" applyNumberFormat="1" applyFont="1" applyFill="1" applyBorder="1" applyAlignment="1">
      <alignment horizontal="center" vertical="center"/>
    </xf>
    <xf numFmtId="176" fontId="8" fillId="0" borderId="3" xfId="3" applyNumberFormat="1" applyFont="1" applyFill="1" applyBorder="1" applyAlignment="1">
      <alignment horizontal="left" vertical="center"/>
    </xf>
    <xf numFmtId="176" fontId="8" fillId="0" borderId="9" xfId="3" applyNumberFormat="1" applyFont="1" applyFill="1" applyBorder="1" applyAlignment="1">
      <alignment vertical="center" wrapText="1"/>
    </xf>
    <xf numFmtId="176" fontId="8" fillId="0" borderId="24" xfId="3" applyNumberFormat="1" applyFont="1" applyFill="1" applyBorder="1" applyAlignment="1">
      <alignment horizontal="center" vertical="center" wrapText="1"/>
    </xf>
    <xf numFmtId="176" fontId="8" fillId="0" borderId="31" xfId="3" applyNumberFormat="1" applyFont="1" applyFill="1" applyBorder="1" applyAlignment="1">
      <alignment horizontal="center" vertical="top"/>
    </xf>
    <xf numFmtId="176" fontId="8" fillId="0" borderId="31" xfId="3" quotePrefix="1" applyNumberFormat="1" applyFont="1" applyFill="1" applyBorder="1" applyAlignment="1">
      <alignment horizontal="center" vertical="center"/>
    </xf>
    <xf numFmtId="176" fontId="8" fillId="0" borderId="25" xfId="3" applyNumberFormat="1" applyFont="1" applyFill="1" applyBorder="1" applyAlignment="1">
      <alignment horizontal="center" vertical="center" shrinkToFit="1"/>
    </xf>
    <xf numFmtId="176" fontId="8" fillId="0" borderId="31" xfId="3" applyNumberFormat="1" applyFont="1" applyFill="1" applyBorder="1" applyAlignment="1">
      <alignment horizontal="center" vertical="center"/>
    </xf>
    <xf numFmtId="176" fontId="8" fillId="0" borderId="31" xfId="3" applyNumberFormat="1" applyFont="1" applyFill="1" applyBorder="1" applyAlignment="1">
      <alignment vertical="center" wrapText="1"/>
    </xf>
    <xf numFmtId="176" fontId="8" fillId="0" borderId="32" xfId="3" applyNumberFormat="1" applyFont="1" applyFill="1" applyBorder="1" applyAlignment="1">
      <alignment horizontal="center" vertical="center" wrapText="1"/>
    </xf>
    <xf numFmtId="176" fontId="8" fillId="0" borderId="24" xfId="3" applyNumberFormat="1" applyFont="1" applyFill="1" applyBorder="1" applyAlignment="1">
      <alignment horizontal="right" vertical="center"/>
    </xf>
    <xf numFmtId="176" fontId="8" fillId="0" borderId="53" xfId="3" applyNumberFormat="1" applyFont="1" applyFill="1" applyBorder="1" applyAlignment="1">
      <alignment horizontal="right" vertical="center"/>
    </xf>
    <xf numFmtId="176" fontId="8" fillId="0" borderId="40" xfId="3" applyNumberFormat="1" applyFont="1" applyFill="1" applyBorder="1" applyAlignment="1">
      <alignment horizontal="right" vertical="center"/>
    </xf>
    <xf numFmtId="176" fontId="8" fillId="0" borderId="20" xfId="3" applyNumberFormat="1" applyFont="1" applyFill="1" applyBorder="1" applyAlignment="1">
      <alignment horizontal="right" vertical="center"/>
    </xf>
    <xf numFmtId="176" fontId="8" fillId="0" borderId="47" xfId="3" applyNumberFormat="1" applyFont="1" applyFill="1" applyBorder="1" applyAlignment="1">
      <alignment horizontal="right" vertical="center"/>
    </xf>
    <xf numFmtId="176" fontId="8" fillId="0" borderId="44" xfId="3" applyNumberFormat="1" applyFont="1" applyFill="1" applyBorder="1" applyAlignment="1">
      <alignment horizontal="right" vertical="center"/>
    </xf>
    <xf numFmtId="176" fontId="8" fillId="0" borderId="2" xfId="3" applyNumberFormat="1" applyFont="1" applyFill="1" applyBorder="1" applyAlignment="1">
      <alignment horizontal="right" vertical="center"/>
    </xf>
    <xf numFmtId="176" fontId="8" fillId="0" borderId="28" xfId="3" applyNumberFormat="1" applyFont="1" applyFill="1" applyBorder="1" applyAlignment="1">
      <alignment horizontal="right" vertical="center"/>
    </xf>
    <xf numFmtId="176" fontId="8" fillId="0" borderId="51" xfId="3" applyNumberFormat="1" applyFont="1" applyFill="1" applyBorder="1" applyAlignment="1">
      <alignment horizontal="right" vertical="center"/>
    </xf>
    <xf numFmtId="176" fontId="8" fillId="0" borderId="41" xfId="3" applyNumberFormat="1" applyFont="1" applyFill="1" applyBorder="1" applyAlignment="1">
      <alignment horizontal="right" vertical="center"/>
    </xf>
    <xf numFmtId="176" fontId="8" fillId="0" borderId="46" xfId="3" applyNumberFormat="1" applyFont="1" applyFill="1" applyBorder="1" applyAlignment="1">
      <alignment horizontal="right" vertical="center"/>
    </xf>
    <xf numFmtId="176" fontId="8" fillId="0" borderId="38" xfId="3" applyNumberFormat="1" applyFont="1" applyFill="1" applyBorder="1" applyAlignment="1">
      <alignment horizontal="right" vertical="center"/>
    </xf>
    <xf numFmtId="176" fontId="8" fillId="0" borderId="23" xfId="3" applyNumberFormat="1" applyFont="1" applyFill="1" applyBorder="1" applyAlignment="1">
      <alignment horizontal="right" vertical="center"/>
    </xf>
    <xf numFmtId="176" fontId="8" fillId="0" borderId="62" xfId="3" applyNumberFormat="1" applyFont="1" applyFill="1" applyBorder="1" applyAlignment="1">
      <alignment horizontal="right" vertical="center"/>
    </xf>
    <xf numFmtId="176" fontId="8" fillId="0" borderId="15" xfId="3" quotePrefix="1" applyNumberFormat="1" applyFont="1" applyFill="1" applyBorder="1" applyAlignment="1">
      <alignment horizontal="right" vertical="center"/>
    </xf>
    <xf numFmtId="176" fontId="8" fillId="0" borderId="12" xfId="3" applyNumberFormat="1" applyFont="1" applyFill="1" applyBorder="1" applyAlignment="1">
      <alignment horizontal="right" vertical="center"/>
    </xf>
    <xf numFmtId="176" fontId="8" fillId="0" borderId="61" xfId="3" quotePrefix="1" applyNumberFormat="1" applyFont="1" applyFill="1" applyBorder="1" applyAlignment="1">
      <alignment horizontal="right" vertical="center"/>
    </xf>
    <xf numFmtId="176" fontId="8" fillId="0" borderId="62" xfId="3" quotePrefix="1" applyNumberFormat="1" applyFont="1" applyFill="1" applyBorder="1" applyAlignment="1">
      <alignment horizontal="right" vertical="center"/>
    </xf>
    <xf numFmtId="176" fontId="8" fillId="0" borderId="34" xfId="3" applyNumberFormat="1" applyFont="1" applyFill="1" applyBorder="1" applyAlignment="1">
      <alignment horizontal="right" vertical="center"/>
    </xf>
    <xf numFmtId="176" fontId="8" fillId="0" borderId="31" xfId="3" applyNumberFormat="1" applyFont="1" applyFill="1" applyBorder="1" applyAlignment="1">
      <alignment horizontal="right" vertical="center"/>
    </xf>
    <xf numFmtId="176" fontId="8" fillId="0" borderId="32" xfId="3" applyNumberFormat="1" applyFont="1" applyFill="1" applyBorder="1" applyAlignment="1">
      <alignment horizontal="right" vertical="center"/>
    </xf>
    <xf numFmtId="178" fontId="8" fillId="0" borderId="0" xfId="3" applyNumberFormat="1" applyFont="1" applyFill="1" applyAlignment="1">
      <alignment vertical="center"/>
    </xf>
    <xf numFmtId="179" fontId="9" fillId="0" borderId="0" xfId="3" applyNumberFormat="1" applyFont="1" applyFill="1" applyAlignment="1">
      <alignment vertical="center"/>
    </xf>
    <xf numFmtId="179" fontId="8" fillId="0" borderId="0" xfId="3" applyNumberFormat="1" applyFont="1" applyFill="1" applyAlignment="1">
      <alignment vertical="center"/>
    </xf>
    <xf numFmtId="178" fontId="9" fillId="0" borderId="0" xfId="3" applyNumberFormat="1" applyFont="1" applyFill="1" applyAlignment="1">
      <alignment vertical="center"/>
    </xf>
    <xf numFmtId="179" fontId="10" fillId="0" borderId="0" xfId="3" applyNumberFormat="1" applyFont="1" applyFill="1" applyAlignment="1">
      <alignment vertical="center"/>
    </xf>
    <xf numFmtId="178" fontId="10" fillId="0" borderId="0" xfId="3" applyNumberFormat="1" applyFont="1" applyFill="1" applyAlignment="1">
      <alignment vertical="center"/>
    </xf>
    <xf numFmtId="179" fontId="8" fillId="0" borderId="0" xfId="3" applyNumberFormat="1" applyFont="1" applyFill="1" applyAlignment="1">
      <alignment vertical="top"/>
    </xf>
    <xf numFmtId="178" fontId="8" fillId="0" borderId="0" xfId="3" applyNumberFormat="1" applyFont="1" applyFill="1" applyBorder="1" applyAlignment="1">
      <alignment vertical="top"/>
    </xf>
    <xf numFmtId="176" fontId="8" fillId="0" borderId="70" xfId="3" applyNumberFormat="1" applyFont="1" applyFill="1" applyBorder="1" applyAlignment="1">
      <alignment horizontal="distributed" vertical="center"/>
    </xf>
    <xf numFmtId="176" fontId="8" fillId="0" borderId="67" xfId="3" applyNumberFormat="1" applyFont="1" applyFill="1" applyBorder="1" applyAlignment="1">
      <alignment horizontal="distributed" vertical="center"/>
    </xf>
    <xf numFmtId="179" fontId="8" fillId="0" borderId="37" xfId="3" applyNumberFormat="1" applyFont="1" applyFill="1" applyBorder="1" applyAlignment="1">
      <alignment horizontal="center" vertical="center"/>
    </xf>
    <xf numFmtId="179" fontId="8" fillId="0" borderId="17" xfId="3" applyNumberFormat="1" applyFont="1" applyFill="1" applyBorder="1" applyAlignment="1">
      <alignment horizontal="left" vertical="center"/>
    </xf>
    <xf numFmtId="179" fontId="8" fillId="0" borderId="5" xfId="3" applyNumberFormat="1" applyFont="1" applyFill="1" applyBorder="1" applyAlignment="1">
      <alignment vertical="center" shrinkToFit="1"/>
    </xf>
    <xf numFmtId="176" fontId="8" fillId="0" borderId="60" xfId="3" applyNumberFormat="1" applyFont="1" applyFill="1" applyBorder="1" applyAlignment="1">
      <alignment vertical="center"/>
    </xf>
    <xf numFmtId="179" fontId="8" fillId="0" borderId="6" xfId="3" applyNumberFormat="1" applyFont="1" applyFill="1" applyBorder="1" applyAlignment="1">
      <alignment horizontal="distributed" vertical="center" wrapText="1"/>
    </xf>
    <xf numFmtId="176" fontId="8" fillId="0" borderId="58" xfId="3" applyNumberFormat="1" applyFont="1" applyFill="1" applyBorder="1" applyAlignment="1">
      <alignment vertical="center"/>
    </xf>
    <xf numFmtId="178" fontId="8" fillId="0" borderId="6" xfId="3" applyNumberFormat="1" applyFont="1" applyFill="1" applyBorder="1" applyAlignment="1">
      <alignment vertical="center"/>
    </xf>
    <xf numFmtId="179" fontId="8" fillId="0" borderId="6" xfId="3" applyNumberFormat="1" applyFont="1" applyFill="1" applyBorder="1" applyAlignment="1">
      <alignment horizontal="center" vertical="center"/>
    </xf>
    <xf numFmtId="176" fontId="8" fillId="0" borderId="77" xfId="3" applyNumberFormat="1" applyFont="1" applyFill="1" applyBorder="1" applyAlignment="1">
      <alignment horizontal="distributed" vertical="center"/>
    </xf>
    <xf numFmtId="176" fontId="8" fillId="0" borderId="32" xfId="3" quotePrefix="1" applyNumberFormat="1" applyFont="1" applyFill="1" applyBorder="1" applyAlignment="1">
      <alignment horizontal="center" vertical="center"/>
    </xf>
    <xf numFmtId="176" fontId="8" fillId="0" borderId="78" xfId="3" applyNumberFormat="1" applyFont="1" applyFill="1" applyBorder="1" applyAlignment="1">
      <alignment horizontal="right" vertical="center"/>
    </xf>
    <xf numFmtId="179" fontId="8" fillId="0" borderId="45" xfId="3" applyNumberFormat="1" applyFont="1" applyFill="1" applyBorder="1" applyAlignment="1">
      <alignment horizontal="right" vertical="center"/>
    </xf>
    <xf numFmtId="179" fontId="8" fillId="0" borderId="9" xfId="3" applyNumberFormat="1" applyFont="1" applyFill="1" applyBorder="1" applyAlignment="1">
      <alignment horizontal="right" vertical="center"/>
    </xf>
    <xf numFmtId="178" fontId="8" fillId="0" borderId="9" xfId="3" applyNumberFormat="1" applyFont="1" applyFill="1" applyBorder="1" applyAlignment="1">
      <alignment horizontal="right" vertical="center"/>
    </xf>
    <xf numFmtId="176" fontId="8" fillId="0" borderId="79" xfId="3" applyNumberFormat="1" applyFont="1" applyFill="1" applyBorder="1" applyAlignment="1">
      <alignment horizontal="right" vertical="center"/>
    </xf>
    <xf numFmtId="176" fontId="8" fillId="0" borderId="5" xfId="3" applyNumberFormat="1" applyFont="1" applyFill="1" applyBorder="1" applyAlignment="1">
      <alignment horizontal="right" vertical="center"/>
    </xf>
    <xf numFmtId="179" fontId="8" fillId="0" borderId="4" xfId="3" applyNumberFormat="1" applyFont="1" applyFill="1" applyBorder="1" applyAlignment="1">
      <alignment horizontal="right" vertical="center"/>
    </xf>
    <xf numFmtId="179" fontId="8" fillId="0" borderId="8" xfId="3" applyNumberFormat="1" applyFont="1" applyFill="1" applyBorder="1" applyAlignment="1">
      <alignment horizontal="right" vertical="center"/>
    </xf>
    <xf numFmtId="178" fontId="8" fillId="0" borderId="8" xfId="3" applyNumberFormat="1" applyFont="1" applyFill="1" applyBorder="1" applyAlignment="1">
      <alignment horizontal="right" vertical="center"/>
    </xf>
    <xf numFmtId="176" fontId="8" fillId="0" borderId="72" xfId="3" applyNumberFormat="1" applyFont="1" applyFill="1" applyBorder="1" applyAlignment="1">
      <alignment horizontal="right" vertical="center"/>
    </xf>
    <xf numFmtId="179" fontId="8" fillId="0" borderId="55" xfId="3" applyNumberFormat="1" applyFont="1" applyFill="1" applyBorder="1" applyAlignment="1">
      <alignment horizontal="right" vertical="center"/>
    </xf>
    <xf numFmtId="179" fontId="8" fillId="0" borderId="7" xfId="3" applyNumberFormat="1" applyFont="1" applyFill="1" applyBorder="1" applyAlignment="1">
      <alignment horizontal="right" vertical="center"/>
    </xf>
    <xf numFmtId="178" fontId="8" fillId="0" borderId="7" xfId="3" applyNumberFormat="1" applyFont="1" applyFill="1" applyBorder="1" applyAlignment="1">
      <alignment horizontal="right" vertical="center"/>
    </xf>
    <xf numFmtId="176" fontId="8" fillId="0" borderId="50" xfId="3" applyNumberFormat="1" applyFont="1" applyFill="1" applyBorder="1" applyAlignment="1">
      <alignment horizontal="right" vertical="center"/>
    </xf>
    <xf numFmtId="179" fontId="8" fillId="0" borderId="52" xfId="3" applyNumberFormat="1" applyFont="1" applyFill="1" applyBorder="1" applyAlignment="1">
      <alignment horizontal="right" vertical="center"/>
    </xf>
    <xf numFmtId="179" fontId="8" fillId="0" borderId="26" xfId="3" applyNumberFormat="1" applyFont="1" applyFill="1" applyBorder="1" applyAlignment="1">
      <alignment horizontal="right" vertical="center"/>
    </xf>
    <xf numFmtId="178" fontId="8" fillId="0" borderId="26" xfId="3" applyNumberFormat="1" applyFont="1" applyFill="1" applyBorder="1" applyAlignment="1">
      <alignment horizontal="right" vertical="center"/>
    </xf>
    <xf numFmtId="176" fontId="8" fillId="0" borderId="73" xfId="3" applyNumberFormat="1" applyFont="1" applyFill="1" applyBorder="1" applyAlignment="1">
      <alignment horizontal="right" vertical="center"/>
    </xf>
    <xf numFmtId="176" fontId="8" fillId="0" borderId="58" xfId="3" applyNumberFormat="1" applyFont="1" applyFill="1" applyBorder="1" applyAlignment="1">
      <alignment horizontal="right" vertical="center"/>
    </xf>
    <xf numFmtId="179" fontId="8" fillId="0" borderId="60" xfId="3" applyNumberFormat="1" applyFont="1" applyFill="1" applyBorder="1" applyAlignment="1">
      <alignment horizontal="right" vertical="center"/>
    </xf>
    <xf numFmtId="179" fontId="8" fillId="0" borderId="3" xfId="3" applyNumberFormat="1" applyFont="1" applyFill="1" applyBorder="1" applyAlignment="1">
      <alignment horizontal="right" vertical="center"/>
    </xf>
    <xf numFmtId="178" fontId="8" fillId="0" borderId="3" xfId="3" applyNumberFormat="1" applyFont="1" applyFill="1" applyBorder="1" applyAlignment="1">
      <alignment horizontal="right" vertical="center"/>
    </xf>
    <xf numFmtId="176" fontId="8" fillId="0" borderId="1" xfId="3" applyNumberFormat="1" applyFont="1" applyFill="1" applyBorder="1" applyAlignment="1">
      <alignment horizontal="center" vertical="center"/>
    </xf>
    <xf numFmtId="179" fontId="8" fillId="0" borderId="15" xfId="3" applyNumberFormat="1" applyFont="1" applyFill="1" applyBorder="1" applyAlignment="1">
      <alignment horizontal="right" vertical="center"/>
    </xf>
    <xf numFmtId="179" fontId="8" fillId="0" borderId="61" xfId="3" applyNumberFormat="1" applyFont="1" applyFill="1" applyBorder="1" applyAlignment="1">
      <alignment horizontal="right" vertical="center"/>
    </xf>
    <xf numFmtId="178" fontId="8" fillId="0" borderId="61" xfId="3" applyNumberFormat="1" applyFont="1" applyFill="1" applyBorder="1" applyAlignment="1">
      <alignment horizontal="right" vertical="center"/>
    </xf>
    <xf numFmtId="176" fontId="8" fillId="0" borderId="67" xfId="3" applyNumberFormat="1" applyFont="1" applyFill="1" applyBorder="1" applyAlignment="1">
      <alignment horizontal="right" vertical="center"/>
    </xf>
    <xf numFmtId="179" fontId="8" fillId="0" borderId="40" xfId="3" applyNumberFormat="1" applyFont="1" applyFill="1" applyBorder="1" applyAlignment="1">
      <alignment horizontal="right" vertical="center"/>
    </xf>
    <xf numFmtId="176" fontId="8" fillId="0" borderId="5" xfId="3" applyNumberFormat="1" applyFont="1" applyFill="1" applyBorder="1" applyAlignment="1">
      <alignment horizontal="right" vertical="center" shrinkToFit="1"/>
    </xf>
    <xf numFmtId="176" fontId="8" fillId="0" borderId="50" xfId="3" applyNumberFormat="1" applyFont="1" applyFill="1" applyBorder="1" applyAlignment="1">
      <alignment horizontal="right" vertical="center" shrinkToFit="1"/>
    </xf>
    <xf numFmtId="176" fontId="8" fillId="0" borderId="1" xfId="3" applyNumberFormat="1" applyFont="1" applyFill="1" applyBorder="1" applyAlignment="1">
      <alignment horizontal="right" vertical="center"/>
    </xf>
    <xf numFmtId="176" fontId="8" fillId="0" borderId="77" xfId="3" applyNumberFormat="1" applyFont="1" applyFill="1" applyBorder="1" applyAlignment="1">
      <alignment horizontal="center" vertical="center"/>
    </xf>
    <xf numFmtId="176" fontId="8" fillId="0" borderId="69" xfId="3" applyNumberFormat="1" applyFont="1" applyFill="1" applyBorder="1" applyAlignment="1">
      <alignment horizontal="right" vertical="center"/>
    </xf>
    <xf numFmtId="179" fontId="8" fillId="0" borderId="65" xfId="3" applyNumberFormat="1" applyFont="1" applyFill="1" applyBorder="1" applyAlignment="1">
      <alignment horizontal="right" vertical="center"/>
    </xf>
    <xf numFmtId="179" fontId="8" fillId="0" borderId="31" xfId="3" applyNumberFormat="1" applyFont="1" applyFill="1" applyBorder="1" applyAlignment="1">
      <alignment horizontal="right" vertical="center"/>
    </xf>
    <xf numFmtId="178" fontId="8" fillId="0" borderId="31" xfId="3" applyNumberFormat="1" applyFont="1" applyFill="1" applyBorder="1" applyAlignment="1">
      <alignment horizontal="right" vertical="center"/>
    </xf>
    <xf numFmtId="179" fontId="8" fillId="0" borderId="0" xfId="3" applyNumberFormat="1" applyFont="1" applyFill="1" applyAlignment="1"/>
    <xf numFmtId="178" fontId="8" fillId="0" borderId="0" xfId="3" applyNumberFormat="1" applyFont="1" applyFill="1" applyAlignment="1"/>
    <xf numFmtId="176" fontId="8" fillId="0" borderId="0" xfId="3" applyNumberFormat="1" applyFont="1" applyFill="1" applyAlignment="1">
      <alignment horizontal="distributed" vertical="top"/>
    </xf>
    <xf numFmtId="176" fontId="8" fillId="0" borderId="17" xfId="3" applyNumberFormat="1" applyFont="1" applyFill="1" applyBorder="1" applyAlignment="1">
      <alignment horizontal="distributed" vertical="center"/>
    </xf>
    <xf numFmtId="176" fontId="8" fillId="0" borderId="16" xfId="3" applyNumberFormat="1" applyFont="1" applyFill="1" applyBorder="1" applyAlignment="1">
      <alignment horizontal="distributed" vertical="center"/>
    </xf>
    <xf numFmtId="176" fontId="8" fillId="0" borderId="17" xfId="3" applyNumberFormat="1" applyFont="1" applyFill="1" applyBorder="1" applyAlignment="1">
      <alignment horizontal="center" vertical="center"/>
    </xf>
    <xf numFmtId="176" fontId="8" fillId="0" borderId="14" xfId="3" applyNumberFormat="1" applyFont="1" applyFill="1" applyBorder="1" applyAlignment="1">
      <alignment horizontal="distributed" vertical="center"/>
    </xf>
    <xf numFmtId="176" fontId="8" fillId="0" borderId="24" xfId="3" applyNumberFormat="1" applyFont="1" applyFill="1" applyBorder="1" applyAlignment="1">
      <alignment horizontal="left" vertical="center"/>
    </xf>
    <xf numFmtId="176" fontId="8" fillId="0" borderId="76" xfId="3" applyNumberFormat="1" applyFont="1" applyFill="1" applyBorder="1" applyAlignment="1">
      <alignment vertical="center"/>
    </xf>
    <xf numFmtId="176" fontId="8" fillId="0" borderId="65" xfId="3" quotePrefix="1" applyNumberFormat="1" applyFont="1" applyFill="1" applyBorder="1" applyAlignment="1">
      <alignment horizontal="center" vertical="center"/>
    </xf>
    <xf numFmtId="176" fontId="8" fillId="0" borderId="68" xfId="3" quotePrefix="1" applyNumberFormat="1" applyFont="1" applyFill="1" applyBorder="1" applyAlignment="1">
      <alignment horizontal="right" vertical="center"/>
    </xf>
    <xf numFmtId="176" fontId="8" fillId="0" borderId="16" xfId="3" applyNumberFormat="1" applyFont="1" applyFill="1" applyBorder="1" applyAlignment="1">
      <alignment horizontal="right" vertical="center"/>
    </xf>
    <xf numFmtId="176" fontId="8" fillId="0" borderId="71" xfId="3" applyNumberFormat="1" applyFont="1" applyFill="1" applyBorder="1" applyAlignment="1">
      <alignment horizontal="right" vertical="center"/>
    </xf>
    <xf numFmtId="176" fontId="8" fillId="0" borderId="37" xfId="3" applyNumberFormat="1" applyFont="1" applyFill="1" applyBorder="1" applyAlignment="1">
      <alignment horizontal="right" vertical="center"/>
    </xf>
    <xf numFmtId="176" fontId="8" fillId="0" borderId="39" xfId="3" applyNumberFormat="1" applyFont="1" applyFill="1" applyBorder="1" applyAlignment="1">
      <alignment horizontal="right" vertical="center"/>
    </xf>
    <xf numFmtId="176" fontId="8" fillId="0" borderId="6" xfId="3" quotePrefix="1" applyNumberFormat="1" applyFont="1" applyFill="1" applyBorder="1" applyAlignment="1">
      <alignment horizontal="right" vertical="center"/>
    </xf>
    <xf numFmtId="176" fontId="8" fillId="0" borderId="48" xfId="3" applyNumberFormat="1" applyFont="1" applyFill="1" applyBorder="1" applyAlignment="1">
      <alignment horizontal="right" vertical="center"/>
    </xf>
    <xf numFmtId="176" fontId="8" fillId="0" borderId="49" xfId="3" applyNumberFormat="1" applyFont="1" applyFill="1" applyBorder="1" applyAlignment="1">
      <alignment horizontal="distributed" vertical="center"/>
    </xf>
    <xf numFmtId="176" fontId="8" fillId="0" borderId="27" xfId="3" quotePrefix="1" applyNumberFormat="1" applyFont="1" applyFill="1" applyBorder="1" applyAlignment="1">
      <alignment horizontal="right" vertical="center"/>
    </xf>
    <xf numFmtId="176" fontId="8" fillId="0" borderId="59" xfId="3" applyNumberFormat="1" applyFont="1" applyFill="1" applyBorder="1" applyAlignment="1">
      <alignment horizontal="right" vertical="center"/>
    </xf>
    <xf numFmtId="176" fontId="8" fillId="0" borderId="52" xfId="3" quotePrefix="1" applyNumberFormat="1" applyFont="1" applyFill="1" applyBorder="1" applyAlignment="1">
      <alignment horizontal="right" vertical="center"/>
    </xf>
    <xf numFmtId="176" fontId="8" fillId="0" borderId="33" xfId="3" applyNumberFormat="1" applyFont="1" applyFill="1" applyBorder="1" applyAlignment="1">
      <alignment horizontal="right" vertical="center"/>
    </xf>
    <xf numFmtId="176" fontId="8" fillId="0" borderId="55" xfId="3" quotePrefix="1" applyNumberFormat="1" applyFont="1" applyFill="1" applyBorder="1" applyAlignment="1">
      <alignment horizontal="right" vertical="center"/>
    </xf>
    <xf numFmtId="176" fontId="11" fillId="0" borderId="55" xfId="3" applyNumberFormat="1" applyFont="1" applyFill="1" applyBorder="1" applyAlignment="1">
      <alignment horizontal="right" vertical="center"/>
    </xf>
    <xf numFmtId="176" fontId="8" fillId="0" borderId="22" xfId="3" applyNumberFormat="1" applyFont="1" applyFill="1" applyBorder="1" applyAlignment="1">
      <alignment horizontal="right" vertical="center"/>
    </xf>
    <xf numFmtId="176" fontId="8" fillId="0" borderId="4" xfId="3" quotePrefix="1" applyNumberFormat="1" applyFont="1" applyFill="1" applyBorder="1" applyAlignment="1">
      <alignment horizontal="right" vertical="center"/>
    </xf>
    <xf numFmtId="176" fontId="8" fillId="0" borderId="80" xfId="3" applyNumberFormat="1" applyFont="1" applyFill="1" applyBorder="1" applyAlignment="1">
      <alignment horizontal="right" vertical="center"/>
    </xf>
    <xf numFmtId="176" fontId="8" fillId="0" borderId="57" xfId="3" applyNumberFormat="1" applyFont="1" applyFill="1" applyBorder="1" applyAlignment="1">
      <alignment horizontal="distributed" vertical="center"/>
    </xf>
    <xf numFmtId="176" fontId="8" fillId="0" borderId="76" xfId="3" quotePrefix="1" applyNumberFormat="1" applyFont="1" applyFill="1" applyBorder="1" applyAlignment="1">
      <alignment horizontal="right" vertical="center"/>
    </xf>
    <xf numFmtId="176" fontId="8" fillId="0" borderId="43" xfId="3" applyNumberFormat="1" applyFont="1" applyFill="1" applyBorder="1" applyAlignment="1">
      <alignment horizontal="right" vertical="center"/>
    </xf>
    <xf numFmtId="180" fontId="8" fillId="0" borderId="42" xfId="3" quotePrefix="1" applyNumberFormat="1" applyFont="1" applyFill="1" applyBorder="1" applyAlignment="1">
      <alignment horizontal="right" vertical="center"/>
    </xf>
    <xf numFmtId="176" fontId="8" fillId="0" borderId="42" xfId="3" applyNumberFormat="1" applyFont="1" applyFill="1" applyBorder="1" applyAlignment="1">
      <alignment horizontal="right" vertical="center" shrinkToFit="1"/>
    </xf>
    <xf numFmtId="176" fontId="8" fillId="0" borderId="4" xfId="3" applyNumberFormat="1" applyFont="1" applyFill="1" applyBorder="1" applyAlignment="1">
      <alignment horizontal="right" vertical="center" shrinkToFit="1"/>
    </xf>
    <xf numFmtId="176" fontId="8" fillId="0" borderId="49" xfId="3" applyNumberFormat="1" applyFont="1" applyFill="1" applyBorder="1" applyAlignment="1">
      <alignment horizontal="right" vertical="center" shrinkToFit="1"/>
    </xf>
    <xf numFmtId="176" fontId="8" fillId="0" borderId="52" xfId="3" applyNumberFormat="1" applyFont="1" applyFill="1" applyBorder="1" applyAlignment="1">
      <alignment horizontal="right" vertical="center" shrinkToFit="1"/>
    </xf>
    <xf numFmtId="176" fontId="8" fillId="0" borderId="12" xfId="3" quotePrefix="1" applyNumberFormat="1" applyFont="1" applyFill="1" applyBorder="1" applyAlignment="1">
      <alignment horizontal="right" vertical="center"/>
    </xf>
    <xf numFmtId="176" fontId="8" fillId="0" borderId="64" xfId="3" quotePrefix="1" applyNumberFormat="1" applyFont="1" applyFill="1" applyBorder="1" applyAlignment="1">
      <alignment horizontal="right" vertical="center"/>
    </xf>
    <xf numFmtId="176" fontId="8" fillId="0" borderId="13" xfId="3" quotePrefix="1" applyNumberFormat="1" applyFont="1" applyFill="1" applyBorder="1" applyAlignment="1">
      <alignment horizontal="right" vertical="center"/>
    </xf>
    <xf numFmtId="176" fontId="8" fillId="0" borderId="29" xfId="3" applyNumberFormat="1" applyFont="1" applyFill="1" applyBorder="1" applyAlignment="1">
      <alignment horizontal="right" vertical="center"/>
    </xf>
    <xf numFmtId="176" fontId="8" fillId="0" borderId="0" xfId="3" applyNumberFormat="1" applyFont="1" applyFill="1" applyAlignment="1">
      <alignment horizontal="center"/>
    </xf>
    <xf numFmtId="176" fontId="4" fillId="0" borderId="0" xfId="0" applyNumberFormat="1" applyFont="1" applyFill="1" applyAlignment="1">
      <alignment vertical="top"/>
    </xf>
    <xf numFmtId="176" fontId="8" fillId="0" borderId="0" xfId="0" applyNumberFormat="1" applyFont="1" applyFill="1" applyAlignment="1">
      <alignment vertical="top"/>
    </xf>
    <xf numFmtId="176" fontId="8" fillId="0" borderId="79" xfId="0" applyNumberFormat="1" applyFont="1" applyFill="1" applyBorder="1" applyAlignment="1">
      <alignment horizontal="distributed" vertical="center"/>
    </xf>
    <xf numFmtId="181" fontId="8" fillId="0" borderId="63" xfId="0" applyNumberFormat="1" applyFont="1" applyFill="1" applyBorder="1" applyAlignment="1">
      <alignment horizontal="right" vertical="center"/>
    </xf>
    <xf numFmtId="181" fontId="8" fillId="0" borderId="36" xfId="0" applyNumberFormat="1" applyFont="1" applyFill="1" applyBorder="1" applyAlignment="1">
      <alignment horizontal="right" vertical="center"/>
    </xf>
    <xf numFmtId="181" fontId="8" fillId="0" borderId="40" xfId="0" applyNumberFormat="1" applyFont="1" applyFill="1" applyBorder="1" applyAlignment="1">
      <alignment horizontal="right" vertical="center"/>
    </xf>
    <xf numFmtId="181" fontId="8" fillId="0" borderId="41" xfId="0" applyNumberFormat="1" applyFont="1" applyFill="1" applyBorder="1" applyAlignment="1">
      <alignment horizontal="right" vertical="center"/>
    </xf>
    <xf numFmtId="181" fontId="8" fillId="0" borderId="36" xfId="3" applyNumberFormat="1" applyFont="1" applyFill="1" applyBorder="1" applyAlignment="1">
      <alignment horizontal="right" vertical="center"/>
    </xf>
    <xf numFmtId="181" fontId="8" fillId="0" borderId="40" xfId="3" applyNumberFormat="1" applyFont="1" applyFill="1" applyBorder="1" applyAlignment="1">
      <alignment horizontal="right" vertical="center"/>
    </xf>
    <xf numFmtId="181" fontId="8" fillId="0" borderId="38" xfId="3" applyNumberFormat="1" applyFont="1" applyFill="1" applyBorder="1" applyAlignment="1">
      <alignment horizontal="right" vertical="center"/>
    </xf>
    <xf numFmtId="176" fontId="8" fillId="0" borderId="72" xfId="0" applyNumberFormat="1" applyFont="1" applyFill="1" applyBorder="1" applyAlignment="1">
      <alignment horizontal="distributed" vertical="center"/>
    </xf>
    <xf numFmtId="181" fontId="8" fillId="0" borderId="6" xfId="0" applyNumberFormat="1" applyFont="1" applyFill="1" applyBorder="1" applyAlignment="1">
      <alignment horizontal="right" vertical="center"/>
    </xf>
    <xf numFmtId="181" fontId="8" fillId="0" borderId="8" xfId="0" applyNumberFormat="1" applyFont="1" applyFill="1" applyBorder="1" applyAlignment="1">
      <alignment horizontal="right" vertical="center"/>
    </xf>
    <xf numFmtId="181" fontId="8" fillId="0" borderId="4" xfId="0" applyNumberFormat="1" applyFont="1" applyFill="1" applyBorder="1" applyAlignment="1">
      <alignment horizontal="right" vertical="center"/>
    </xf>
    <xf numFmtId="181" fontId="8" fillId="0" borderId="44" xfId="0" applyNumberFormat="1" applyFont="1" applyFill="1" applyBorder="1" applyAlignment="1">
      <alignment horizontal="right" vertical="center"/>
    </xf>
    <xf numFmtId="181" fontId="8" fillId="0" borderId="8" xfId="3" applyNumberFormat="1" applyFont="1" applyFill="1" applyBorder="1" applyAlignment="1">
      <alignment horizontal="right" vertical="center"/>
    </xf>
    <xf numFmtId="181" fontId="8" fillId="0" borderId="4" xfId="3" applyNumberFormat="1" applyFont="1" applyFill="1" applyBorder="1" applyAlignment="1">
      <alignment horizontal="right" vertical="center"/>
    </xf>
    <xf numFmtId="181" fontId="8" fillId="0" borderId="47" xfId="3" applyNumberFormat="1" applyFont="1" applyFill="1" applyBorder="1" applyAlignment="1">
      <alignment horizontal="right" vertical="center"/>
    </xf>
    <xf numFmtId="176" fontId="8" fillId="0" borderId="73" xfId="0" applyNumberFormat="1" applyFont="1" applyFill="1" applyBorder="1" applyAlignment="1">
      <alignment horizontal="distributed" vertical="center"/>
    </xf>
    <xf numFmtId="181" fontId="8" fillId="0" borderId="27" xfId="0" applyNumberFormat="1" applyFont="1" applyFill="1" applyBorder="1" applyAlignment="1">
      <alignment horizontal="right" vertical="center"/>
    </xf>
    <xf numFmtId="181" fontId="8" fillId="0" borderId="26" xfId="0" applyNumberFormat="1" applyFont="1" applyFill="1" applyBorder="1" applyAlignment="1">
      <alignment horizontal="right" vertical="center"/>
    </xf>
    <xf numFmtId="181" fontId="8" fillId="0" borderId="52" xfId="0" applyNumberFormat="1" applyFont="1" applyFill="1" applyBorder="1" applyAlignment="1">
      <alignment horizontal="right" vertical="center"/>
    </xf>
    <xf numFmtId="181" fontId="8" fillId="0" borderId="51" xfId="0" applyNumberFormat="1" applyFont="1" applyFill="1" applyBorder="1" applyAlignment="1">
      <alignment horizontal="right" vertical="center"/>
    </xf>
    <xf numFmtId="181" fontId="8" fillId="0" borderId="26" xfId="3" applyNumberFormat="1" applyFont="1" applyFill="1" applyBorder="1" applyAlignment="1">
      <alignment horizontal="right" vertical="center"/>
    </xf>
    <xf numFmtId="181" fontId="8" fillId="0" borderId="52" xfId="3" applyNumberFormat="1" applyFont="1" applyFill="1" applyBorder="1" applyAlignment="1">
      <alignment horizontal="right" vertical="center"/>
    </xf>
    <xf numFmtId="181" fontId="8" fillId="0" borderId="28" xfId="3" applyNumberFormat="1" applyFont="1" applyFill="1" applyBorder="1" applyAlignment="1">
      <alignment horizontal="right" vertical="center"/>
    </xf>
    <xf numFmtId="176" fontId="8" fillId="0" borderId="74" xfId="0" applyNumberFormat="1" applyFont="1" applyFill="1" applyBorder="1" applyAlignment="1">
      <alignment horizontal="distributed" vertical="center"/>
    </xf>
    <xf numFmtId="181" fontId="8" fillId="0" borderId="68" xfId="0" applyNumberFormat="1" applyFont="1" applyFill="1" applyBorder="1" applyAlignment="1">
      <alignment horizontal="right" vertical="center"/>
    </xf>
    <xf numFmtId="181" fontId="8" fillId="0" borderId="7" xfId="0" applyNumberFormat="1" applyFont="1" applyFill="1" applyBorder="1" applyAlignment="1">
      <alignment horizontal="right" vertical="center"/>
    </xf>
    <xf numFmtId="181" fontId="8" fillId="0" borderId="55" xfId="0" applyNumberFormat="1" applyFont="1" applyFill="1" applyBorder="1" applyAlignment="1">
      <alignment horizontal="right" vertical="center"/>
    </xf>
    <xf numFmtId="181" fontId="8" fillId="0" borderId="54" xfId="0" applyNumberFormat="1" applyFont="1" applyFill="1" applyBorder="1" applyAlignment="1">
      <alignment horizontal="right" vertical="center"/>
    </xf>
    <xf numFmtId="181" fontId="8" fillId="0" borderId="7" xfId="3" applyNumberFormat="1" applyFont="1" applyFill="1" applyBorder="1" applyAlignment="1">
      <alignment horizontal="right" vertical="center"/>
    </xf>
    <xf numFmtId="181" fontId="8" fillId="0" borderId="55" xfId="3" applyNumberFormat="1" applyFont="1" applyFill="1" applyBorder="1" applyAlignment="1">
      <alignment horizontal="right" vertical="center"/>
    </xf>
    <xf numFmtId="181" fontId="8" fillId="0" borderId="53" xfId="3" applyNumberFormat="1" applyFont="1" applyFill="1" applyBorder="1" applyAlignment="1">
      <alignment horizontal="right" vertical="center"/>
    </xf>
    <xf numFmtId="176" fontId="8" fillId="0" borderId="75" xfId="0" applyNumberFormat="1" applyFont="1" applyFill="1" applyBorder="1" applyAlignment="1">
      <alignment horizontal="distributed" vertical="center"/>
    </xf>
    <xf numFmtId="181" fontId="8" fillId="0" borderId="76" xfId="0" applyNumberFormat="1" applyFont="1" applyFill="1" applyBorder="1" applyAlignment="1">
      <alignment horizontal="right" vertical="center"/>
    </xf>
    <xf numFmtId="181" fontId="8" fillId="0" borderId="3" xfId="0" applyNumberFormat="1" applyFont="1" applyFill="1" applyBorder="1" applyAlignment="1">
      <alignment horizontal="right" vertical="center"/>
    </xf>
    <xf numFmtId="181" fontId="8" fillId="0" borderId="60" xfId="0" applyNumberFormat="1" applyFont="1" applyFill="1" applyBorder="1" applyAlignment="1">
      <alignment horizontal="right" vertical="center"/>
    </xf>
    <xf numFmtId="181" fontId="8" fillId="0" borderId="56" xfId="0" applyNumberFormat="1" applyFont="1" applyFill="1" applyBorder="1" applyAlignment="1">
      <alignment horizontal="right" vertical="center"/>
    </xf>
    <xf numFmtId="181" fontId="8" fillId="0" borderId="3" xfId="3" applyNumberFormat="1" applyFont="1" applyFill="1" applyBorder="1" applyAlignment="1">
      <alignment horizontal="right" vertical="center"/>
    </xf>
    <xf numFmtId="181" fontId="8" fillId="0" borderId="60" xfId="3" applyNumberFormat="1" applyFont="1" applyFill="1" applyBorder="1" applyAlignment="1">
      <alignment horizontal="right" vertical="center"/>
    </xf>
    <xf numFmtId="181" fontId="8" fillId="0" borderId="46" xfId="3" applyNumberFormat="1" applyFont="1" applyFill="1" applyBorder="1" applyAlignment="1">
      <alignment horizontal="right" vertical="center"/>
    </xf>
    <xf numFmtId="176" fontId="8" fillId="0" borderId="1" xfId="0" applyNumberFormat="1" applyFont="1" applyFill="1" applyBorder="1" applyAlignment="1">
      <alignment horizontal="center" vertical="center"/>
    </xf>
    <xf numFmtId="181" fontId="8" fillId="0" borderId="64" xfId="0" applyNumberFormat="1" applyFont="1" applyFill="1" applyBorder="1" applyAlignment="1">
      <alignment horizontal="right" vertical="center"/>
    </xf>
    <xf numFmtId="181" fontId="8" fillId="0" borderId="61" xfId="0" applyNumberFormat="1" applyFont="1" applyFill="1" applyBorder="1" applyAlignment="1">
      <alignment horizontal="right" vertical="center"/>
    </xf>
    <xf numFmtId="181" fontId="8" fillId="0" borderId="15" xfId="0" applyNumberFormat="1" applyFont="1" applyFill="1" applyBorder="1" applyAlignment="1">
      <alignment horizontal="right" vertical="center"/>
    </xf>
    <xf numFmtId="181" fontId="8" fillId="0" borderId="66" xfId="0" applyNumberFormat="1" applyFont="1" applyFill="1" applyBorder="1" applyAlignment="1">
      <alignment horizontal="right" vertical="center"/>
    </xf>
    <xf numFmtId="181" fontId="8" fillId="0" borderId="61" xfId="3" applyNumberFormat="1" applyFont="1" applyFill="1" applyBorder="1" applyAlignment="1">
      <alignment horizontal="right" vertical="center"/>
    </xf>
    <xf numFmtId="181" fontId="8" fillId="0" borderId="15" xfId="3" applyNumberFormat="1" applyFont="1" applyFill="1" applyBorder="1" applyAlignment="1">
      <alignment horizontal="right" vertical="center"/>
    </xf>
    <xf numFmtId="181" fontId="8" fillId="0" borderId="62" xfId="3" applyNumberFormat="1" applyFont="1" applyFill="1" applyBorder="1" applyAlignment="1">
      <alignment horizontal="right" vertical="center"/>
    </xf>
    <xf numFmtId="176" fontId="8" fillId="0" borderId="1" xfId="0" applyNumberFormat="1" applyFont="1" applyFill="1" applyBorder="1" applyAlignment="1">
      <alignment horizontal="distributed" vertical="center"/>
    </xf>
    <xf numFmtId="176" fontId="11" fillId="0" borderId="0" xfId="3" applyNumberFormat="1" applyFont="1" applyFill="1" applyAlignment="1">
      <alignment horizontal="left" vertical="center"/>
    </xf>
    <xf numFmtId="176" fontId="15" fillId="0" borderId="0" xfId="3" applyNumberFormat="1" applyFont="1" applyFill="1" applyAlignment="1">
      <alignment vertical="top"/>
    </xf>
    <xf numFmtId="176" fontId="8" fillId="0" borderId="0" xfId="3" applyNumberFormat="1" applyFont="1" applyFill="1" applyAlignment="1">
      <alignment horizontal="right" vertical="center"/>
    </xf>
    <xf numFmtId="176" fontId="16" fillId="0" borderId="49" xfId="3" applyNumberFormat="1" applyFont="1" applyFill="1" applyBorder="1" applyAlignment="1">
      <alignment horizontal="center" vertical="center"/>
    </xf>
    <xf numFmtId="176" fontId="16" fillId="0" borderId="52" xfId="3" applyNumberFormat="1" applyFont="1" applyFill="1" applyBorder="1" applyAlignment="1">
      <alignment horizontal="center" vertical="center"/>
    </xf>
    <xf numFmtId="176" fontId="16" fillId="0" borderId="28" xfId="3" applyNumberFormat="1" applyFont="1" applyFill="1" applyBorder="1" applyAlignment="1">
      <alignment horizontal="center" vertical="center"/>
    </xf>
    <xf numFmtId="176" fontId="16" fillId="0" borderId="19" xfId="3" applyNumberFormat="1" applyFont="1" applyFill="1" applyBorder="1" applyAlignment="1">
      <alignment horizontal="distributed" vertical="center"/>
    </xf>
    <xf numFmtId="176" fontId="16" fillId="0" borderId="35" xfId="3" applyNumberFormat="1" applyFont="1" applyFill="1" applyBorder="1" applyAlignment="1">
      <alignment horizontal="right" vertical="center"/>
    </xf>
    <xf numFmtId="176" fontId="16" fillId="0" borderId="36" xfId="3" applyNumberFormat="1" applyFont="1" applyFill="1" applyBorder="1" applyAlignment="1">
      <alignment horizontal="right" vertical="center"/>
    </xf>
    <xf numFmtId="176" fontId="16" fillId="0" borderId="38" xfId="3" applyNumberFormat="1" applyFont="1" applyFill="1" applyBorder="1" applyAlignment="1">
      <alignment horizontal="right" vertical="center"/>
    </xf>
    <xf numFmtId="176" fontId="16" fillId="0" borderId="3" xfId="3" applyNumberFormat="1" applyFont="1" applyFill="1" applyBorder="1" applyAlignment="1">
      <alignment horizontal="distributed" vertical="center"/>
    </xf>
    <xf numFmtId="176" fontId="16" fillId="0" borderId="42" xfId="3" applyNumberFormat="1" applyFont="1" applyFill="1" applyBorder="1" applyAlignment="1">
      <alignment horizontal="right" vertical="center"/>
    </xf>
    <xf numFmtId="176" fontId="16" fillId="0" borderId="4" xfId="3" applyNumberFormat="1" applyFont="1" applyFill="1" applyBorder="1" applyAlignment="1">
      <alignment horizontal="right" vertical="center"/>
    </xf>
    <xf numFmtId="176" fontId="16" fillId="0" borderId="47" xfId="3" applyNumberFormat="1" applyFont="1" applyFill="1" applyBorder="1" applyAlignment="1">
      <alignment horizontal="right" vertical="center"/>
    </xf>
    <xf numFmtId="176" fontId="16" fillId="0" borderId="26" xfId="3" applyNumberFormat="1" applyFont="1" applyFill="1" applyBorder="1" applyAlignment="1">
      <alignment horizontal="center" vertical="center"/>
    </xf>
    <xf numFmtId="176" fontId="16" fillId="0" borderId="49" xfId="3" applyNumberFormat="1" applyFont="1" applyFill="1" applyBorder="1" applyAlignment="1">
      <alignment horizontal="right" vertical="center"/>
    </xf>
    <xf numFmtId="176" fontId="16" fillId="0" borderId="52" xfId="3" applyNumberFormat="1" applyFont="1" applyFill="1" applyBorder="1" applyAlignment="1">
      <alignment horizontal="right" vertical="center"/>
    </xf>
    <xf numFmtId="176" fontId="16" fillId="0" borderId="28" xfId="3" applyNumberFormat="1" applyFont="1" applyFill="1" applyBorder="1" applyAlignment="1">
      <alignment horizontal="right" vertical="center"/>
    </xf>
    <xf numFmtId="176" fontId="16" fillId="0" borderId="40" xfId="3" applyNumberFormat="1" applyFont="1" applyFill="1" applyBorder="1" applyAlignment="1">
      <alignment horizontal="right" vertical="center"/>
    </xf>
    <xf numFmtId="176" fontId="16" fillId="0" borderId="11" xfId="3" applyNumberFormat="1" applyFont="1" applyFill="1" applyBorder="1" applyAlignment="1">
      <alignment horizontal="right" vertical="center"/>
    </xf>
    <xf numFmtId="176" fontId="16" fillId="0" borderId="15" xfId="3" applyNumberFormat="1" applyFont="1" applyFill="1" applyBorder="1" applyAlignment="1">
      <alignment horizontal="right" vertical="center"/>
    </xf>
    <xf numFmtId="176" fontId="16" fillId="0" borderId="62" xfId="3" applyNumberFormat="1" applyFont="1" applyFill="1" applyBorder="1" applyAlignment="1">
      <alignment horizontal="right" vertical="center"/>
    </xf>
    <xf numFmtId="179" fontId="8" fillId="0" borderId="52" xfId="3" applyNumberFormat="1" applyFont="1" applyFill="1" applyBorder="1" applyAlignment="1">
      <alignment horizontal="center" vertical="center"/>
    </xf>
    <xf numFmtId="176" fontId="11" fillId="0" borderId="11" xfId="3" applyNumberFormat="1" applyFont="1" applyFill="1" applyBorder="1" applyAlignment="1">
      <alignment horizontal="distributed" vertical="center" indent="1"/>
    </xf>
    <xf numFmtId="176" fontId="11" fillId="0" borderId="12" xfId="3" applyNumberFormat="1" applyFont="1" applyFill="1" applyBorder="1" applyAlignment="1">
      <alignment horizontal="distributed" vertical="center" indent="1"/>
    </xf>
    <xf numFmtId="176" fontId="11" fillId="0" borderId="13" xfId="3" applyNumberFormat="1" applyFont="1" applyFill="1" applyBorder="1" applyAlignment="1">
      <alignment horizontal="distributed" vertical="center" indent="1"/>
    </xf>
    <xf numFmtId="176" fontId="11" fillId="0" borderId="11" xfId="3" applyNumberFormat="1" applyFont="1" applyFill="1" applyBorder="1" applyAlignment="1">
      <alignment horizontal="distributed" vertical="center" wrapText="1"/>
    </xf>
    <xf numFmtId="176" fontId="11" fillId="0" borderId="12" xfId="3" applyNumberFormat="1" applyFont="1" applyFill="1" applyBorder="1" applyAlignment="1">
      <alignment horizontal="distributed" vertical="center"/>
    </xf>
    <xf numFmtId="176" fontId="11" fillId="0" borderId="13" xfId="3" applyNumberFormat="1" applyFont="1" applyFill="1" applyBorder="1" applyAlignment="1">
      <alignment horizontal="distributed" vertical="center"/>
    </xf>
    <xf numFmtId="176" fontId="11" fillId="0" borderId="12" xfId="3" applyNumberFormat="1" applyFont="1" applyFill="1" applyBorder="1" applyAlignment="1">
      <alignment horizontal="distributed" vertical="center" wrapText="1"/>
    </xf>
    <xf numFmtId="176" fontId="11" fillId="0" borderId="13" xfId="3" applyNumberFormat="1" applyFont="1" applyFill="1" applyBorder="1" applyAlignment="1">
      <alignment horizontal="distributed" vertical="center" wrapText="1"/>
    </xf>
    <xf numFmtId="176" fontId="11" fillId="0" borderId="11" xfId="3" applyNumberFormat="1" applyFont="1" applyFill="1" applyBorder="1" applyAlignment="1">
      <alignment horizontal="distributed" vertical="center"/>
    </xf>
    <xf numFmtId="176" fontId="11" fillId="0" borderId="15" xfId="3" applyNumberFormat="1" applyFont="1" applyFill="1" applyBorder="1" applyAlignment="1">
      <alignment horizontal="distributed" vertical="center"/>
    </xf>
    <xf numFmtId="176" fontId="11" fillId="0" borderId="20" xfId="3" applyNumberFormat="1" applyFont="1" applyFill="1" applyBorder="1" applyAlignment="1">
      <alignment horizontal="distributed" vertical="center"/>
    </xf>
    <xf numFmtId="176" fontId="11" fillId="0" borderId="24" xfId="3" applyNumberFormat="1" applyFont="1" applyFill="1" applyBorder="1" applyAlignment="1">
      <alignment horizontal="distributed" vertical="center"/>
    </xf>
    <xf numFmtId="176" fontId="11" fillId="0" borderId="32" xfId="3" applyNumberFormat="1" applyFont="1" applyFill="1" applyBorder="1" applyAlignment="1">
      <alignment horizontal="distributed" vertical="center"/>
    </xf>
    <xf numFmtId="176" fontId="11" fillId="0" borderId="10" xfId="3" applyNumberFormat="1" applyFont="1" applyFill="1" applyBorder="1" applyAlignment="1">
      <alignment horizontal="distributed" vertical="center"/>
    </xf>
    <xf numFmtId="176" fontId="11" fillId="0" borderId="16" xfId="3" applyNumberFormat="1" applyFont="1" applyFill="1" applyBorder="1" applyAlignment="1">
      <alignment horizontal="distributed" vertical="center"/>
    </xf>
    <xf numFmtId="176" fontId="11" fillId="0" borderId="17" xfId="3" applyNumberFormat="1" applyFont="1" applyFill="1" applyBorder="1" applyAlignment="1">
      <alignment horizontal="distributed" vertical="center"/>
    </xf>
    <xf numFmtId="176" fontId="11" fillId="0" borderId="21" xfId="3" applyNumberFormat="1" applyFont="1" applyFill="1" applyBorder="1" applyAlignment="1">
      <alignment horizontal="distributed" vertical="center"/>
    </xf>
    <xf numFmtId="176" fontId="11" fillId="0" borderId="2" xfId="3" applyNumberFormat="1" applyFont="1" applyFill="1" applyBorder="1" applyAlignment="1">
      <alignment horizontal="distributed" vertical="center"/>
    </xf>
    <xf numFmtId="176" fontId="11" fillId="0" borderId="22" xfId="3" applyNumberFormat="1" applyFont="1" applyFill="1" applyBorder="1" applyAlignment="1">
      <alignment horizontal="distributed" vertical="center"/>
    </xf>
    <xf numFmtId="176" fontId="11" fillId="0" borderId="10" xfId="3" applyNumberFormat="1" applyFont="1" applyFill="1" applyBorder="1" applyAlignment="1">
      <alignment horizontal="distributed" vertical="center" wrapText="1"/>
    </xf>
    <xf numFmtId="176" fontId="11" fillId="0" borderId="18" xfId="3" applyNumberFormat="1" applyFont="1" applyFill="1" applyBorder="1" applyAlignment="1">
      <alignment horizontal="distributed" vertical="center"/>
    </xf>
    <xf numFmtId="176" fontId="11" fillId="0" borderId="23" xfId="3" applyNumberFormat="1" applyFont="1" applyFill="1" applyBorder="1" applyAlignment="1">
      <alignment horizontal="distributed" vertical="center"/>
    </xf>
    <xf numFmtId="176" fontId="11" fillId="0" borderId="30" xfId="3" applyNumberFormat="1" applyFont="1" applyFill="1" applyBorder="1" applyAlignment="1">
      <alignment horizontal="distributed" vertical="center"/>
    </xf>
    <xf numFmtId="176" fontId="11" fillId="0" borderId="19" xfId="3" applyNumberFormat="1" applyFont="1" applyFill="1" applyBorder="1" applyAlignment="1">
      <alignment horizontal="distributed" vertical="center"/>
    </xf>
    <xf numFmtId="176" fontId="11" fillId="0" borderId="9" xfId="3" applyNumberFormat="1" applyFont="1" applyFill="1" applyBorder="1" applyAlignment="1">
      <alignment horizontal="distributed" vertical="center"/>
    </xf>
    <xf numFmtId="176" fontId="11" fillId="0" borderId="31" xfId="3" applyNumberFormat="1" applyFont="1" applyFill="1" applyBorder="1" applyAlignment="1">
      <alignment horizontal="distributed" vertical="center"/>
    </xf>
    <xf numFmtId="176" fontId="11" fillId="0" borderId="14" xfId="3" applyNumberFormat="1" applyFont="1" applyFill="1" applyBorder="1" applyAlignment="1">
      <alignment horizontal="distributed" vertical="center"/>
    </xf>
    <xf numFmtId="176" fontId="11" fillId="0" borderId="0" xfId="3" applyNumberFormat="1" applyFont="1" applyFill="1" applyBorder="1" applyAlignment="1">
      <alignment horizontal="distributed" vertical="center"/>
    </xf>
    <xf numFmtId="176" fontId="11" fillId="0" borderId="25" xfId="3" applyNumberFormat="1" applyFont="1" applyFill="1" applyBorder="1" applyAlignment="1">
      <alignment horizontal="distributed" vertical="center"/>
    </xf>
    <xf numFmtId="176" fontId="11" fillId="0" borderId="34" xfId="3" applyNumberFormat="1" applyFont="1" applyFill="1" applyBorder="1" applyAlignment="1">
      <alignment horizontal="distributed" vertical="center"/>
    </xf>
    <xf numFmtId="176" fontId="8" fillId="0" borderId="67" xfId="3" applyNumberFormat="1" applyFont="1" applyFill="1" applyBorder="1" applyAlignment="1">
      <alignment horizontal="center" vertical="center"/>
    </xf>
    <xf numFmtId="176" fontId="8" fillId="0" borderId="35" xfId="3" applyNumberFormat="1" applyFont="1" applyFill="1" applyBorder="1" applyAlignment="1">
      <alignment horizontal="distributed" vertical="center" justifyLastLine="1"/>
    </xf>
    <xf numFmtId="0" fontId="4" fillId="0" borderId="37" xfId="3" applyFont="1" applyFill="1" applyBorder="1" applyAlignment="1">
      <alignment horizontal="distributed" vertical="center" justifyLastLine="1"/>
    </xf>
    <xf numFmtId="0" fontId="4" fillId="0" borderId="39" xfId="3" applyFont="1" applyFill="1" applyBorder="1" applyAlignment="1">
      <alignment horizontal="distributed" vertical="center" justifyLastLine="1"/>
    </xf>
    <xf numFmtId="176" fontId="8" fillId="0" borderId="37" xfId="3" applyNumberFormat="1" applyFont="1" applyFill="1" applyBorder="1" applyAlignment="1">
      <alignment horizontal="distributed" vertical="center" justifyLastLine="1"/>
    </xf>
    <xf numFmtId="38" fontId="8" fillId="0" borderId="39" xfId="1" applyFont="1" applyFill="1" applyBorder="1" applyAlignment="1">
      <alignment horizontal="distributed" vertical="center" justifyLastLine="1"/>
    </xf>
    <xf numFmtId="177" fontId="6" fillId="0" borderId="24" xfId="1" applyNumberFormat="1" applyFont="1" applyFill="1" applyBorder="1" applyAlignment="1">
      <alignment horizontal="center" vertical="center" wrapText="1"/>
    </xf>
    <xf numFmtId="177" fontId="6" fillId="0" borderId="32" xfId="1" applyNumberFormat="1" applyFont="1" applyFill="1" applyBorder="1" applyAlignment="1">
      <alignment horizontal="center" vertical="center" wrapText="1"/>
    </xf>
    <xf numFmtId="176" fontId="8" fillId="0" borderId="65" xfId="3" applyNumberFormat="1" applyFont="1" applyFill="1" applyBorder="1" applyAlignment="1">
      <alignment horizontal="center" vertical="center"/>
    </xf>
    <xf numFmtId="176" fontId="8" fillId="0" borderId="69" xfId="3" applyNumberFormat="1" applyFont="1" applyFill="1" applyBorder="1" applyAlignment="1">
      <alignment horizontal="center" vertical="center"/>
    </xf>
    <xf numFmtId="176" fontId="8" fillId="0" borderId="37" xfId="3" applyNumberFormat="1" applyFont="1" applyFill="1" applyBorder="1" applyAlignment="1">
      <alignment horizontal="distributed" vertical="center"/>
    </xf>
    <xf numFmtId="176" fontId="8" fillId="0" borderId="10" xfId="3" applyNumberFormat="1" applyFont="1" applyFill="1" applyBorder="1" applyAlignment="1">
      <alignment horizontal="center" vertical="center"/>
    </xf>
    <xf numFmtId="176" fontId="8" fillId="0" borderId="16" xfId="3" applyNumberFormat="1" applyFont="1" applyFill="1" applyBorder="1" applyAlignment="1">
      <alignment horizontal="center" vertical="center"/>
    </xf>
    <xf numFmtId="176" fontId="8" fillId="0" borderId="17" xfId="3" applyNumberFormat="1" applyFont="1" applyFill="1" applyBorder="1" applyAlignment="1">
      <alignment horizontal="center" vertical="center"/>
    </xf>
    <xf numFmtId="176" fontId="8" fillId="0" borderId="67" xfId="3" applyNumberFormat="1" applyFont="1" applyFill="1" applyBorder="1" applyAlignment="1">
      <alignment horizontal="distributed" vertical="center"/>
    </xf>
    <xf numFmtId="176" fontId="8" fillId="0" borderId="42" xfId="3" applyNumberFormat="1" applyFont="1" applyFill="1" applyBorder="1" applyAlignment="1">
      <alignment horizontal="distributed" vertical="center" justifyLastLine="1"/>
    </xf>
    <xf numFmtId="176" fontId="8" fillId="0" borderId="5" xfId="3" applyNumberFormat="1" applyFont="1" applyFill="1" applyBorder="1" applyAlignment="1">
      <alignment horizontal="distributed" vertical="center" justifyLastLine="1"/>
    </xf>
    <xf numFmtId="176" fontId="8" fillId="0" borderId="6" xfId="3" applyNumberFormat="1" applyFont="1" applyFill="1" applyBorder="1" applyAlignment="1">
      <alignment horizontal="distributed" vertical="center" justifyLastLine="1"/>
    </xf>
    <xf numFmtId="176" fontId="8" fillId="0" borderId="46" xfId="3" applyNumberFormat="1" applyFont="1" applyFill="1" applyBorder="1" applyAlignment="1">
      <alignment horizontal="center" vertical="center" wrapText="1"/>
    </xf>
    <xf numFmtId="176" fontId="8" fillId="0" borderId="24" xfId="3" applyNumberFormat="1" applyFont="1" applyFill="1" applyBorder="1" applyAlignment="1">
      <alignment horizontal="center" vertical="center" wrapText="1"/>
    </xf>
    <xf numFmtId="176" fontId="8" fillId="0" borderId="32" xfId="3" applyNumberFormat="1" applyFont="1" applyFill="1" applyBorder="1" applyAlignment="1">
      <alignment horizontal="center" vertical="center" wrapText="1"/>
    </xf>
    <xf numFmtId="176" fontId="8" fillId="0" borderId="42" xfId="3" applyNumberFormat="1" applyFont="1" applyFill="1" applyBorder="1" applyAlignment="1">
      <alignment horizontal="center" vertical="center"/>
    </xf>
    <xf numFmtId="176" fontId="8" fillId="0" borderId="5" xfId="3" applyNumberFormat="1" applyFont="1" applyFill="1" applyBorder="1" applyAlignment="1">
      <alignment horizontal="center" vertical="center"/>
    </xf>
    <xf numFmtId="176" fontId="8" fillId="0" borderId="6" xfId="3" applyNumberFormat="1" applyFont="1" applyFill="1" applyBorder="1" applyAlignment="1">
      <alignment horizontal="center" vertical="center"/>
    </xf>
    <xf numFmtId="176" fontId="8" fillId="0" borderId="65" xfId="3" applyNumberFormat="1" applyFont="1" applyFill="1" applyBorder="1" applyAlignment="1">
      <alignment horizontal="center" vertical="top"/>
    </xf>
    <xf numFmtId="176" fontId="8" fillId="0" borderId="69" xfId="3" applyNumberFormat="1" applyFont="1" applyFill="1" applyBorder="1" applyAlignment="1">
      <alignment horizontal="center" vertical="top"/>
    </xf>
    <xf numFmtId="176" fontId="8" fillId="0" borderId="4" xfId="3" applyNumberFormat="1" applyFont="1" applyFill="1" applyBorder="1" applyAlignment="1">
      <alignment horizontal="right" vertical="center"/>
    </xf>
    <xf numFmtId="176" fontId="8" fillId="0" borderId="6" xfId="3" quotePrefix="1" applyNumberFormat="1" applyFont="1" applyFill="1" applyBorder="1" applyAlignment="1">
      <alignment horizontal="right" vertical="center"/>
    </xf>
    <xf numFmtId="176" fontId="8" fillId="0" borderId="40" xfId="3" applyNumberFormat="1" applyFont="1" applyFill="1" applyBorder="1" applyAlignment="1">
      <alignment horizontal="right" vertical="center"/>
    </xf>
    <xf numFmtId="176" fontId="8" fillId="0" borderId="63" xfId="3" quotePrefix="1" applyNumberFormat="1" applyFont="1" applyFill="1" applyBorder="1" applyAlignment="1">
      <alignment horizontal="right" vertical="center"/>
    </xf>
    <xf numFmtId="176" fontId="8" fillId="0" borderId="52" xfId="3" applyNumberFormat="1" applyFont="1" applyFill="1" applyBorder="1" applyAlignment="1">
      <alignment horizontal="right" vertical="center"/>
    </xf>
    <xf numFmtId="176" fontId="8" fillId="0" borderId="27" xfId="3" quotePrefix="1" applyNumberFormat="1" applyFont="1" applyFill="1" applyBorder="1" applyAlignment="1">
      <alignment horizontal="right" vertical="center"/>
    </xf>
    <xf numFmtId="176" fontId="8" fillId="0" borderId="27" xfId="3" applyNumberFormat="1" applyFont="1" applyFill="1" applyBorder="1" applyAlignment="1">
      <alignment horizontal="right" vertical="center"/>
    </xf>
    <xf numFmtId="176" fontId="8" fillId="0" borderId="63" xfId="3" applyNumberFormat="1" applyFont="1" applyFill="1" applyBorder="1" applyAlignment="1">
      <alignment horizontal="right" vertical="center"/>
    </xf>
    <xf numFmtId="176" fontId="8" fillId="0" borderId="6" xfId="3" applyNumberFormat="1" applyFont="1" applyFill="1" applyBorder="1" applyAlignment="1">
      <alignment horizontal="right" vertical="center"/>
    </xf>
    <xf numFmtId="176" fontId="8" fillId="0" borderId="15" xfId="3" applyNumberFormat="1" applyFont="1" applyFill="1" applyBorder="1" applyAlignment="1">
      <alignment horizontal="right" vertical="center"/>
    </xf>
    <xf numFmtId="176" fontId="8" fillId="0" borderId="64" xfId="3" applyNumberFormat="1" applyFont="1" applyFill="1" applyBorder="1" applyAlignment="1">
      <alignment horizontal="right" vertical="center"/>
    </xf>
    <xf numFmtId="178" fontId="7" fillId="0" borderId="3" xfId="3" applyNumberFormat="1" applyFont="1" applyFill="1" applyBorder="1" applyAlignment="1">
      <alignment horizontal="distributed" vertical="center" wrapText="1"/>
    </xf>
    <xf numFmtId="178" fontId="7" fillId="0" borderId="9" xfId="3" applyNumberFormat="1" applyFont="1" applyFill="1" applyBorder="1" applyAlignment="1">
      <alignment horizontal="distributed" vertical="center" wrapText="1"/>
    </xf>
    <xf numFmtId="178" fontId="7" fillId="0" borderId="31" xfId="3" applyNumberFormat="1" applyFont="1" applyFill="1" applyBorder="1" applyAlignment="1">
      <alignment horizontal="distributed" vertical="center" wrapText="1"/>
    </xf>
    <xf numFmtId="179" fontId="8" fillId="0" borderId="11" xfId="3" applyNumberFormat="1" applyFont="1" applyFill="1" applyBorder="1" applyAlignment="1">
      <alignment horizontal="distributed" vertical="center" indent="3"/>
    </xf>
    <xf numFmtId="179" fontId="8" fillId="0" borderId="12" xfId="3" applyNumberFormat="1" applyFont="1" applyFill="1" applyBorder="1" applyAlignment="1">
      <alignment horizontal="distributed" vertical="center" indent="3"/>
    </xf>
    <xf numFmtId="179" fontId="8" fillId="0" borderId="13" xfId="3" applyNumberFormat="1" applyFont="1" applyFill="1" applyBorder="1" applyAlignment="1">
      <alignment horizontal="distributed" vertical="center" indent="3"/>
    </xf>
    <xf numFmtId="176" fontId="8" fillId="0" borderId="67" xfId="3" applyNumberFormat="1" applyFont="1" applyFill="1" applyBorder="1" applyAlignment="1">
      <alignment horizontal="center" vertical="center" wrapText="1"/>
    </xf>
    <xf numFmtId="176" fontId="8" fillId="0" borderId="77" xfId="3" applyNumberFormat="1" applyFont="1" applyFill="1" applyBorder="1" applyAlignment="1">
      <alignment horizontal="center" vertical="center" wrapText="1"/>
    </xf>
    <xf numFmtId="176" fontId="8" fillId="0" borderId="0" xfId="3" applyNumberFormat="1" applyFont="1" applyFill="1" applyBorder="1" applyAlignment="1">
      <alignment vertical="center"/>
    </xf>
    <xf numFmtId="176" fontId="8" fillId="0" borderId="24" xfId="3" applyNumberFormat="1" applyFont="1" applyFill="1" applyBorder="1" applyAlignment="1">
      <alignment horizontal="center" vertical="center"/>
    </xf>
    <xf numFmtId="176" fontId="8" fillId="0" borderId="14" xfId="3" applyNumberFormat="1" applyFont="1" applyFill="1" applyBorder="1" applyAlignment="1">
      <alignment horizontal="distributed" vertical="center" wrapText="1" justifyLastLine="1"/>
    </xf>
    <xf numFmtId="176" fontId="8" fillId="0" borderId="78" xfId="3" applyNumberFormat="1" applyFont="1" applyFill="1" applyBorder="1" applyAlignment="1">
      <alignment horizontal="distributed" vertical="center" wrapText="1" justifyLastLine="1"/>
    </xf>
    <xf numFmtId="176" fontId="8" fillId="0" borderId="25" xfId="3" applyNumberFormat="1" applyFont="1" applyFill="1" applyBorder="1" applyAlignment="1">
      <alignment horizontal="distributed" vertical="center" wrapText="1" justifyLastLine="1"/>
    </xf>
    <xf numFmtId="176" fontId="8" fillId="0" borderId="69" xfId="3" applyNumberFormat="1" applyFont="1" applyFill="1" applyBorder="1" applyAlignment="1">
      <alignment horizontal="distributed" vertical="center" wrapText="1" justifyLastLine="1"/>
    </xf>
    <xf numFmtId="176" fontId="8" fillId="0" borderId="9" xfId="3" applyNumberFormat="1" applyFont="1" applyFill="1" applyBorder="1" applyAlignment="1">
      <alignment horizontal="distributed" vertical="center" wrapText="1" justifyLastLine="1"/>
    </xf>
    <xf numFmtId="176" fontId="8" fillId="0" borderId="31" xfId="3" applyNumberFormat="1" applyFont="1" applyFill="1" applyBorder="1" applyAlignment="1">
      <alignment horizontal="distributed" vertical="center" wrapText="1" justifyLastLine="1"/>
    </xf>
    <xf numFmtId="178" fontId="7" fillId="0" borderId="3" xfId="3" applyNumberFormat="1" applyFont="1" applyFill="1" applyBorder="1" applyAlignment="1">
      <alignment horizontal="justify" vertical="center" wrapText="1"/>
    </xf>
    <xf numFmtId="178" fontId="7" fillId="0" borderId="9" xfId="3" applyNumberFormat="1" applyFont="1" applyFill="1" applyBorder="1" applyAlignment="1">
      <alignment horizontal="justify" vertical="center" wrapText="1"/>
    </xf>
    <xf numFmtId="178" fontId="7" fillId="0" borderId="31" xfId="3" applyNumberFormat="1" applyFont="1" applyFill="1" applyBorder="1" applyAlignment="1">
      <alignment horizontal="justify" vertical="center" wrapText="1"/>
    </xf>
    <xf numFmtId="176" fontId="8" fillId="0" borderId="45" xfId="3" applyNumberFormat="1" applyFont="1" applyFill="1" applyBorder="1" applyAlignment="1">
      <alignment horizontal="center" vertical="center" wrapText="1" justifyLastLine="1"/>
    </xf>
    <xf numFmtId="176" fontId="8" fillId="0" borderId="78" xfId="3" applyNumberFormat="1" applyFont="1" applyFill="1" applyBorder="1" applyAlignment="1">
      <alignment horizontal="center" vertical="center" wrapText="1" justifyLastLine="1"/>
    </xf>
    <xf numFmtId="176" fontId="8" fillId="0" borderId="65" xfId="3" applyNumberFormat="1" applyFont="1" applyFill="1" applyBorder="1" applyAlignment="1">
      <alignment horizontal="center" vertical="center" wrapText="1" justifyLastLine="1"/>
    </xf>
    <xf numFmtId="176" fontId="8" fillId="0" borderId="69" xfId="3" applyNumberFormat="1" applyFont="1" applyFill="1" applyBorder="1" applyAlignment="1">
      <alignment horizontal="center" vertical="center" wrapText="1" justifyLastLine="1"/>
    </xf>
    <xf numFmtId="176" fontId="8" fillId="0" borderId="9" xfId="3" applyNumberFormat="1" applyFont="1" applyFill="1" applyBorder="1" applyAlignment="1">
      <alignment horizontal="center" vertical="center" wrapText="1" justifyLastLine="1"/>
    </xf>
    <xf numFmtId="176" fontId="8" fillId="0" borderId="31" xfId="3" applyNumberFormat="1" applyFont="1" applyFill="1" applyBorder="1" applyAlignment="1">
      <alignment horizontal="center" vertical="center" wrapText="1" justifyLastLine="1"/>
    </xf>
    <xf numFmtId="176" fontId="8" fillId="0" borderId="9" xfId="3" applyNumberFormat="1" applyFont="1" applyFill="1" applyBorder="1" applyAlignment="1">
      <alignment horizontal="distributed" vertical="center" justifyLastLine="1"/>
    </xf>
    <xf numFmtId="176" fontId="8" fillId="0" borderId="31" xfId="3" applyNumberFormat="1" applyFont="1" applyFill="1" applyBorder="1" applyAlignment="1">
      <alignment horizontal="distributed" vertical="center" justifyLastLine="1"/>
    </xf>
    <xf numFmtId="176" fontId="8" fillId="0" borderId="35" xfId="3" applyNumberFormat="1" applyFont="1" applyFill="1" applyBorder="1" applyAlignment="1">
      <alignment horizontal="distributed" vertical="center" indent="2"/>
    </xf>
    <xf numFmtId="176" fontId="8" fillId="0" borderId="37" xfId="3" applyNumberFormat="1" applyFont="1" applyFill="1" applyBorder="1" applyAlignment="1">
      <alignment horizontal="distributed" vertical="center" indent="2"/>
    </xf>
    <xf numFmtId="176" fontId="8" fillId="0" borderId="37" xfId="3" applyNumberFormat="1" applyFont="1" applyFill="1" applyBorder="1" applyAlignment="1">
      <alignment horizontal="center" vertical="center"/>
    </xf>
    <xf numFmtId="176" fontId="8" fillId="0" borderId="57" xfId="3" applyNumberFormat="1" applyFont="1" applyFill="1" applyBorder="1" applyAlignment="1">
      <alignment horizontal="left" vertical="center"/>
    </xf>
    <xf numFmtId="176" fontId="8" fillId="0" borderId="58" xfId="3" applyNumberFormat="1" applyFont="1" applyFill="1" applyBorder="1" applyAlignment="1">
      <alignment horizontal="left" vertical="center"/>
    </xf>
    <xf numFmtId="176" fontId="8" fillId="0" borderId="60" xfId="3" applyNumberFormat="1" applyFont="1" applyFill="1" applyBorder="1" applyAlignment="1">
      <alignment vertical="center"/>
    </xf>
    <xf numFmtId="176" fontId="8" fillId="0" borderId="76" xfId="3" applyNumberFormat="1" applyFont="1" applyFill="1" applyBorder="1" applyAlignment="1">
      <alignment vertical="center"/>
    </xf>
    <xf numFmtId="176" fontId="8" fillId="0" borderId="60" xfId="3" applyNumberFormat="1" applyFont="1" applyFill="1" applyBorder="1" applyAlignment="1">
      <alignment horizontal="left" vertical="center"/>
    </xf>
    <xf numFmtId="176" fontId="8" fillId="0" borderId="76" xfId="3" applyNumberFormat="1" applyFont="1" applyFill="1" applyBorder="1" applyAlignment="1">
      <alignment horizontal="left" vertical="center"/>
    </xf>
    <xf numFmtId="176" fontId="8" fillId="0" borderId="65" xfId="3" applyNumberFormat="1" applyFont="1" applyFill="1" applyBorder="1" applyAlignment="1">
      <alignment horizontal="distributed" vertical="center" justifyLastLine="1"/>
    </xf>
    <xf numFmtId="176" fontId="8" fillId="0" borderId="69" xfId="3" applyNumberFormat="1" applyFont="1" applyFill="1" applyBorder="1" applyAlignment="1">
      <alignment horizontal="distributed" vertical="center" justifyLastLine="1"/>
    </xf>
    <xf numFmtId="176" fontId="8" fillId="0" borderId="11" xfId="3" applyNumberFormat="1" applyFont="1" applyFill="1" applyBorder="1" applyAlignment="1">
      <alignment horizontal="right" vertical="center"/>
    </xf>
    <xf numFmtId="176" fontId="8" fillId="0" borderId="25" xfId="3" applyNumberFormat="1" applyFont="1" applyFill="1" applyBorder="1" applyAlignment="1">
      <alignment horizontal="center" vertical="center"/>
    </xf>
    <xf numFmtId="176" fontId="8" fillId="0" borderId="34" xfId="3" applyNumberFormat="1" applyFont="1" applyFill="1" applyBorder="1" applyAlignment="1">
      <alignment horizontal="center" vertical="center"/>
    </xf>
    <xf numFmtId="176" fontId="8" fillId="0" borderId="15" xfId="3" quotePrefix="1" applyNumberFormat="1" applyFont="1" applyFill="1" applyBorder="1" applyAlignment="1">
      <alignment horizontal="right" vertical="center"/>
    </xf>
    <xf numFmtId="176" fontId="8" fillId="0" borderId="64" xfId="3" quotePrefix="1" applyNumberFormat="1" applyFont="1" applyFill="1" applyBorder="1" applyAlignment="1">
      <alignment horizontal="right" vertical="center"/>
    </xf>
    <xf numFmtId="176" fontId="11" fillId="0" borderId="46" xfId="0" applyNumberFormat="1" applyFont="1" applyFill="1" applyBorder="1" applyAlignment="1">
      <alignment horizontal="distributed" vertical="center" wrapText="1"/>
    </xf>
    <xf numFmtId="176" fontId="11" fillId="0" borderId="24" xfId="0" applyNumberFormat="1" applyFont="1" applyFill="1" applyBorder="1" applyAlignment="1">
      <alignment horizontal="distributed" vertical="center" wrapText="1"/>
    </xf>
    <xf numFmtId="176" fontId="11" fillId="0" borderId="32" xfId="0" applyNumberFormat="1" applyFont="1" applyFill="1" applyBorder="1" applyAlignment="1">
      <alignment horizontal="distributed" vertical="center" wrapText="1"/>
    </xf>
    <xf numFmtId="176" fontId="8" fillId="0" borderId="70" xfId="0" applyNumberFormat="1" applyFont="1" applyFill="1" applyBorder="1" applyAlignment="1">
      <alignment horizontal="center" vertical="center"/>
    </xf>
    <xf numFmtId="176" fontId="8" fillId="0" borderId="67" xfId="0" applyNumberFormat="1" applyFont="1" applyFill="1" applyBorder="1" applyAlignment="1">
      <alignment horizontal="center" vertical="center"/>
    </xf>
    <xf numFmtId="176" fontId="8" fillId="0" borderId="77" xfId="0" applyNumberFormat="1" applyFont="1" applyFill="1" applyBorder="1" applyAlignment="1">
      <alignment horizontal="center" vertical="center"/>
    </xf>
    <xf numFmtId="176" fontId="11" fillId="0" borderId="18" xfId="0" applyNumberFormat="1" applyFont="1" applyFill="1" applyBorder="1" applyAlignment="1">
      <alignment horizontal="center" vertical="center" wrapText="1"/>
    </xf>
    <xf numFmtId="176" fontId="11" fillId="0" borderId="23" xfId="0" applyNumberFormat="1" applyFont="1" applyFill="1" applyBorder="1" applyAlignment="1">
      <alignment horizontal="center" vertical="center"/>
    </xf>
    <xf numFmtId="176" fontId="11" fillId="0" borderId="30" xfId="0" applyNumberFormat="1" applyFont="1" applyFill="1" applyBorder="1" applyAlignment="1">
      <alignment horizontal="center" vertical="center"/>
    </xf>
    <xf numFmtId="176" fontId="11" fillId="0" borderId="36" xfId="0" applyNumberFormat="1" applyFont="1" applyFill="1" applyBorder="1" applyAlignment="1">
      <alignment horizontal="distributed" vertical="center"/>
    </xf>
    <xf numFmtId="176" fontId="11" fillId="0" borderId="8" xfId="0" applyNumberFormat="1" applyFont="1" applyFill="1" applyBorder="1" applyAlignment="1">
      <alignment horizontal="distributed" vertical="center"/>
    </xf>
    <xf numFmtId="176" fontId="11" fillId="0" borderId="26" xfId="0" applyNumberFormat="1" applyFont="1" applyFill="1" applyBorder="1" applyAlignment="1">
      <alignment horizontal="distributed" vertical="center"/>
    </xf>
    <xf numFmtId="176" fontId="11" fillId="0" borderId="40" xfId="0" applyNumberFormat="1" applyFont="1" applyFill="1" applyBorder="1" applyAlignment="1">
      <alignment horizontal="distributed" vertical="center" wrapText="1"/>
    </xf>
    <xf numFmtId="176" fontId="11" fillId="0" borderId="4" xfId="0" applyNumberFormat="1" applyFont="1" applyFill="1" applyBorder="1" applyAlignment="1">
      <alignment horizontal="distributed" vertical="center"/>
    </xf>
    <xf numFmtId="176" fontId="11" fillId="0" borderId="52" xfId="0" applyNumberFormat="1" applyFont="1" applyFill="1" applyBorder="1" applyAlignment="1">
      <alignment horizontal="distributed" vertical="center"/>
    </xf>
    <xf numFmtId="176" fontId="8" fillId="0" borderId="41" xfId="0" applyNumberFormat="1" applyFont="1" applyFill="1" applyBorder="1" applyAlignment="1">
      <alignment horizontal="center" vertical="top"/>
    </xf>
    <xf numFmtId="176" fontId="8" fillId="0" borderId="36" xfId="0" applyNumberFormat="1" applyFont="1" applyFill="1" applyBorder="1" applyAlignment="1">
      <alignment horizontal="center" vertical="top"/>
    </xf>
    <xf numFmtId="176" fontId="8" fillId="0" borderId="40" xfId="0" applyNumberFormat="1" applyFont="1" applyFill="1" applyBorder="1" applyAlignment="1">
      <alignment horizontal="center" vertical="top"/>
    </xf>
    <xf numFmtId="176" fontId="8" fillId="0" borderId="38" xfId="0" applyNumberFormat="1" applyFont="1" applyFill="1" applyBorder="1" applyAlignment="1">
      <alignment horizontal="center" vertical="top"/>
    </xf>
    <xf numFmtId="176" fontId="11" fillId="0" borderId="44" xfId="0" applyNumberFormat="1" applyFont="1" applyFill="1" applyBorder="1" applyAlignment="1">
      <alignment horizontal="distributed" vertical="center" wrapText="1"/>
    </xf>
    <xf numFmtId="176" fontId="11" fillId="0" borderId="23" xfId="0" applyNumberFormat="1" applyFont="1" applyFill="1" applyBorder="1" applyAlignment="1">
      <alignment horizontal="distributed" vertical="center" wrapText="1"/>
    </xf>
    <xf numFmtId="176" fontId="11" fillId="0" borderId="30" xfId="0" applyNumberFormat="1" applyFont="1" applyFill="1" applyBorder="1" applyAlignment="1">
      <alignment horizontal="distributed" vertical="center" wrapText="1"/>
    </xf>
    <xf numFmtId="176" fontId="11" fillId="0" borderId="3" xfId="0" applyNumberFormat="1" applyFont="1" applyFill="1" applyBorder="1" applyAlignment="1">
      <alignment horizontal="distributed" vertical="center" wrapText="1"/>
    </xf>
    <xf numFmtId="176" fontId="11" fillId="0" borderId="9" xfId="0" applyNumberFormat="1" applyFont="1" applyFill="1" applyBorder="1" applyAlignment="1">
      <alignment horizontal="distributed" vertical="center" wrapText="1"/>
    </xf>
    <xf numFmtId="176" fontId="11" fillId="0" borderId="31" xfId="0" applyNumberFormat="1" applyFont="1" applyFill="1" applyBorder="1" applyAlignment="1">
      <alignment horizontal="distributed" vertical="center" wrapText="1"/>
    </xf>
    <xf numFmtId="176" fontId="8" fillId="0" borderId="0" xfId="3" applyNumberFormat="1" applyFont="1" applyFill="1" applyAlignment="1">
      <alignment horizontal="left" vertical="center"/>
    </xf>
    <xf numFmtId="176" fontId="16" fillId="0" borderId="25" xfId="3" applyNumberFormat="1" applyFont="1" applyFill="1" applyBorder="1" applyAlignment="1">
      <alignment horizontal="center" vertical="center"/>
    </xf>
    <xf numFmtId="176" fontId="16" fillId="0" borderId="34" xfId="3" applyNumberFormat="1" applyFont="1" applyFill="1" applyBorder="1" applyAlignment="1">
      <alignment horizontal="center" vertical="center"/>
    </xf>
    <xf numFmtId="176" fontId="16" fillId="0" borderId="41" xfId="3" applyNumberFormat="1" applyFont="1" applyFill="1" applyBorder="1" applyAlignment="1">
      <alignment horizontal="center" vertical="center"/>
    </xf>
    <xf numFmtId="176" fontId="16" fillId="0" borderId="56" xfId="3" applyNumberFormat="1" applyFont="1" applyFill="1" applyBorder="1" applyAlignment="1">
      <alignment horizontal="center" vertical="center"/>
    </xf>
    <xf numFmtId="176" fontId="16" fillId="0" borderId="36" xfId="3" applyNumberFormat="1" applyFont="1" applyFill="1" applyBorder="1" applyAlignment="1">
      <alignment horizontal="center" vertical="center"/>
    </xf>
    <xf numFmtId="176" fontId="16" fillId="0" borderId="3" xfId="3" applyNumberFormat="1" applyFont="1" applyFill="1" applyBorder="1" applyAlignment="1">
      <alignment horizontal="center" vertical="center"/>
    </xf>
    <xf numFmtId="176" fontId="16" fillId="0" borderId="38" xfId="3" applyNumberFormat="1" applyFont="1" applyFill="1" applyBorder="1" applyAlignment="1">
      <alignment horizontal="center" vertical="center"/>
    </xf>
    <xf numFmtId="176" fontId="16" fillId="0" borderId="10" xfId="3" applyNumberFormat="1" applyFont="1" applyFill="1" applyBorder="1" applyAlignment="1">
      <alignment horizontal="distributed" vertical="center"/>
    </xf>
    <xf numFmtId="176" fontId="16" fillId="0" borderId="14" xfId="3" applyNumberFormat="1" applyFont="1" applyFill="1" applyBorder="1" applyAlignment="1">
      <alignment horizontal="distributed" vertical="center"/>
    </xf>
    <xf numFmtId="176" fontId="16" fillId="0" borderId="25" xfId="3" applyNumberFormat="1" applyFont="1" applyFill="1" applyBorder="1" applyAlignment="1">
      <alignment horizontal="distributed" vertical="center"/>
    </xf>
  </cellXfs>
  <cellStyles count="9">
    <cellStyle name="パーセント 2" xfId="4" xr:uid="{00000000-0005-0000-0000-000000000000}"/>
    <cellStyle name="桁区切り" xfId="1" builtinId="6"/>
    <cellStyle name="桁区切り 2" xfId="5" xr:uid="{00000000-0005-0000-0000-000002000000}"/>
    <cellStyle name="通貨 2" xfId="6" xr:uid="{00000000-0005-0000-0000-000003000000}"/>
    <cellStyle name="標準" xfId="0" builtinId="0"/>
    <cellStyle name="標準 2" xfId="7" xr:uid="{00000000-0005-0000-0000-000005000000}"/>
    <cellStyle name="標準 3" xfId="8" xr:uid="{00000000-0005-0000-0000-000006000000}"/>
    <cellStyle name="標準 4" xfId="2" xr:uid="{00000000-0005-0000-0000-000007000000}"/>
    <cellStyle name="標準_○(91-101)08_Ⅳ し尿及び浄化槽汚泥の処理状況(H18)" xfId="3" xr:uid="{00000000-0005-0000-0000-000008000000}"/>
  </cellStyles>
  <dxfs count="9">
    <dxf>
      <numFmt numFmtId="183" formatCode="&quot;-&quot;"/>
    </dxf>
    <dxf>
      <numFmt numFmtId="183" formatCode="&quot;-&quot;"/>
    </dxf>
    <dxf>
      <fill>
        <patternFill>
          <bgColor rgb="FFFF0000"/>
        </patternFill>
      </fill>
    </dxf>
    <dxf>
      <font>
        <color theme="0"/>
      </font>
    </dxf>
    <dxf>
      <numFmt numFmtId="183" formatCode="&quot;-&quot;"/>
    </dxf>
    <dxf>
      <fill>
        <patternFill>
          <bgColor rgb="FFFF0000"/>
        </patternFill>
      </fill>
    </dxf>
    <dxf>
      <font>
        <color theme="0"/>
      </font>
    </dxf>
    <dxf>
      <numFmt numFmtId="183" formatCode="&quot;-&quot;"/>
    </dxf>
    <dxf>
      <numFmt numFmtId="183" formatCode="&quot;-&quot;"/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0</xdr:colOff>
      <xdr:row>17</xdr:row>
      <xdr:rowOff>0</xdr:rowOff>
    </xdr:from>
    <xdr:to>
      <xdr:col>5</xdr:col>
      <xdr:colOff>9525</xdr:colOff>
      <xdr:row>17</xdr:row>
      <xdr:rowOff>0</xdr:rowOff>
    </xdr:to>
    <xdr:sp macro="" textlink="">
      <xdr:nvSpPr>
        <xdr:cNvPr id="2" name="Line 6">
          <a:extLst>
            <a:ext uri="{FF2B5EF4-FFF2-40B4-BE49-F238E27FC236}">
              <a16:creationId xmlns:a16="http://schemas.microsoft.com/office/drawing/2014/main" id="{00000000-0008-0000-0700-000002000000}"/>
            </a:ext>
          </a:extLst>
        </xdr:cNvPr>
        <xdr:cNvSpPr>
          <a:spLocks noChangeShapeType="1"/>
        </xdr:cNvSpPr>
      </xdr:nvSpPr>
      <xdr:spPr bwMode="auto">
        <a:xfrm>
          <a:off x="6610350" y="5867400"/>
          <a:ext cx="95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</xdr:col>
      <xdr:colOff>0</xdr:colOff>
      <xdr:row>17</xdr:row>
      <xdr:rowOff>0</xdr:rowOff>
    </xdr:from>
    <xdr:to>
      <xdr:col>3</xdr:col>
      <xdr:colOff>0</xdr:colOff>
      <xdr:row>17</xdr:row>
      <xdr:rowOff>0</xdr:rowOff>
    </xdr:to>
    <xdr:sp macro="" textlink="">
      <xdr:nvSpPr>
        <xdr:cNvPr id="3" name="Line 9">
          <a:extLst>
            <a:ext uri="{FF2B5EF4-FFF2-40B4-BE49-F238E27FC236}">
              <a16:creationId xmlns:a16="http://schemas.microsoft.com/office/drawing/2014/main" id="{00000000-0008-0000-0700-000003000000}"/>
            </a:ext>
          </a:extLst>
        </xdr:cNvPr>
        <xdr:cNvSpPr>
          <a:spLocks noChangeShapeType="1"/>
        </xdr:cNvSpPr>
      </xdr:nvSpPr>
      <xdr:spPr bwMode="auto">
        <a:xfrm flipV="1">
          <a:off x="2038350" y="5867400"/>
          <a:ext cx="15811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</xdr:col>
      <xdr:colOff>0</xdr:colOff>
      <xdr:row>17</xdr:row>
      <xdr:rowOff>0</xdr:rowOff>
    </xdr:from>
    <xdr:to>
      <xdr:col>3</xdr:col>
      <xdr:colOff>0</xdr:colOff>
      <xdr:row>17</xdr:row>
      <xdr:rowOff>0</xdr:rowOff>
    </xdr:to>
    <xdr:sp macro="" textlink="">
      <xdr:nvSpPr>
        <xdr:cNvPr id="4" name="Line 10">
          <a:extLst>
            <a:ext uri="{FF2B5EF4-FFF2-40B4-BE49-F238E27FC236}">
              <a16:creationId xmlns:a16="http://schemas.microsoft.com/office/drawing/2014/main" id="{00000000-0008-0000-0700-000004000000}"/>
            </a:ext>
          </a:extLst>
        </xdr:cNvPr>
        <xdr:cNvSpPr>
          <a:spLocks noChangeShapeType="1"/>
        </xdr:cNvSpPr>
      </xdr:nvSpPr>
      <xdr:spPr bwMode="auto">
        <a:xfrm flipV="1">
          <a:off x="2038350" y="5867400"/>
          <a:ext cx="15811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</xdr:col>
      <xdr:colOff>123825</xdr:colOff>
      <xdr:row>17</xdr:row>
      <xdr:rowOff>0</xdr:rowOff>
    </xdr:from>
    <xdr:to>
      <xdr:col>3</xdr:col>
      <xdr:colOff>0</xdr:colOff>
      <xdr:row>17</xdr:row>
      <xdr:rowOff>0</xdr:rowOff>
    </xdr:to>
    <xdr:sp macro="" textlink="">
      <xdr:nvSpPr>
        <xdr:cNvPr id="5" name="Line 13">
          <a:extLst>
            <a:ext uri="{FF2B5EF4-FFF2-40B4-BE49-F238E27FC236}">
              <a16:creationId xmlns:a16="http://schemas.microsoft.com/office/drawing/2014/main" id="{00000000-0008-0000-0700-000005000000}"/>
            </a:ext>
          </a:extLst>
        </xdr:cNvPr>
        <xdr:cNvSpPr>
          <a:spLocks noChangeShapeType="1"/>
        </xdr:cNvSpPr>
      </xdr:nvSpPr>
      <xdr:spPr bwMode="auto">
        <a:xfrm flipH="1">
          <a:off x="2162175" y="5867400"/>
          <a:ext cx="14573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</xdr:col>
      <xdr:colOff>123825</xdr:colOff>
      <xdr:row>17</xdr:row>
      <xdr:rowOff>0</xdr:rowOff>
    </xdr:from>
    <xdr:to>
      <xdr:col>2</xdr:col>
      <xdr:colOff>123825</xdr:colOff>
      <xdr:row>17</xdr:row>
      <xdr:rowOff>0</xdr:rowOff>
    </xdr:to>
    <xdr:sp macro="" textlink="">
      <xdr:nvSpPr>
        <xdr:cNvPr id="6" name="Line 14">
          <a:extLst>
            <a:ext uri="{FF2B5EF4-FFF2-40B4-BE49-F238E27FC236}">
              <a16:creationId xmlns:a16="http://schemas.microsoft.com/office/drawing/2014/main" id="{00000000-0008-0000-0700-000006000000}"/>
            </a:ext>
          </a:extLst>
        </xdr:cNvPr>
        <xdr:cNvSpPr>
          <a:spLocks noChangeShapeType="1"/>
        </xdr:cNvSpPr>
      </xdr:nvSpPr>
      <xdr:spPr bwMode="auto">
        <a:xfrm>
          <a:off x="2162175" y="5867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</xdr:col>
      <xdr:colOff>123825</xdr:colOff>
      <xdr:row>17</xdr:row>
      <xdr:rowOff>0</xdr:rowOff>
    </xdr:from>
    <xdr:to>
      <xdr:col>2</xdr:col>
      <xdr:colOff>123825</xdr:colOff>
      <xdr:row>17</xdr:row>
      <xdr:rowOff>0</xdr:rowOff>
    </xdr:to>
    <xdr:sp macro="" textlink="">
      <xdr:nvSpPr>
        <xdr:cNvPr id="7" name="Line 16">
          <a:extLst>
            <a:ext uri="{FF2B5EF4-FFF2-40B4-BE49-F238E27FC236}">
              <a16:creationId xmlns:a16="http://schemas.microsoft.com/office/drawing/2014/main" id="{00000000-0008-0000-0700-000007000000}"/>
            </a:ext>
          </a:extLst>
        </xdr:cNvPr>
        <xdr:cNvSpPr>
          <a:spLocks noChangeShapeType="1"/>
        </xdr:cNvSpPr>
      </xdr:nvSpPr>
      <xdr:spPr bwMode="auto">
        <a:xfrm>
          <a:off x="2162175" y="5867400"/>
          <a:ext cx="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3</xdr:col>
      <xdr:colOff>0</xdr:colOff>
      <xdr:row>17</xdr:row>
      <xdr:rowOff>0</xdr:rowOff>
    </xdr:from>
    <xdr:to>
      <xdr:col>3</xdr:col>
      <xdr:colOff>9525</xdr:colOff>
      <xdr:row>17</xdr:row>
      <xdr:rowOff>0</xdr:rowOff>
    </xdr:to>
    <xdr:sp macro="" textlink="">
      <xdr:nvSpPr>
        <xdr:cNvPr id="8" name="Line 18">
          <a:extLst>
            <a:ext uri="{FF2B5EF4-FFF2-40B4-BE49-F238E27FC236}">
              <a16:creationId xmlns:a16="http://schemas.microsoft.com/office/drawing/2014/main" id="{00000000-0008-0000-0700-000008000000}"/>
            </a:ext>
          </a:extLst>
        </xdr:cNvPr>
        <xdr:cNvSpPr>
          <a:spLocks noChangeShapeType="1"/>
        </xdr:cNvSpPr>
      </xdr:nvSpPr>
      <xdr:spPr bwMode="auto">
        <a:xfrm flipV="1">
          <a:off x="3619500" y="5867400"/>
          <a:ext cx="95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0</xdr:colOff>
      <xdr:row>17</xdr:row>
      <xdr:rowOff>0</xdr:rowOff>
    </xdr:from>
    <xdr:to>
      <xdr:col>3</xdr:col>
      <xdr:colOff>9525</xdr:colOff>
      <xdr:row>17</xdr:row>
      <xdr:rowOff>0</xdr:rowOff>
    </xdr:to>
    <xdr:sp macro="" textlink="">
      <xdr:nvSpPr>
        <xdr:cNvPr id="9" name="Line 20">
          <a:extLst>
            <a:ext uri="{FF2B5EF4-FFF2-40B4-BE49-F238E27FC236}">
              <a16:creationId xmlns:a16="http://schemas.microsoft.com/office/drawing/2014/main" id="{00000000-0008-0000-0700-000009000000}"/>
            </a:ext>
          </a:extLst>
        </xdr:cNvPr>
        <xdr:cNvSpPr>
          <a:spLocks noChangeShapeType="1"/>
        </xdr:cNvSpPr>
      </xdr:nvSpPr>
      <xdr:spPr bwMode="auto">
        <a:xfrm flipV="1">
          <a:off x="3619500" y="5867400"/>
          <a:ext cx="95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0</xdr:colOff>
      <xdr:row>17</xdr:row>
      <xdr:rowOff>0</xdr:rowOff>
    </xdr:from>
    <xdr:to>
      <xdr:col>3</xdr:col>
      <xdr:colOff>9525</xdr:colOff>
      <xdr:row>17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700-00000A000000}"/>
            </a:ext>
          </a:extLst>
        </xdr:cNvPr>
        <xdr:cNvSpPr>
          <a:spLocks noChangeShapeType="1"/>
        </xdr:cNvSpPr>
      </xdr:nvSpPr>
      <xdr:spPr bwMode="auto">
        <a:xfrm>
          <a:off x="3619500" y="5867400"/>
          <a:ext cx="95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0</xdr:colOff>
      <xdr:row>17</xdr:row>
      <xdr:rowOff>0</xdr:rowOff>
    </xdr:from>
    <xdr:to>
      <xdr:col>3</xdr:col>
      <xdr:colOff>95250</xdr:colOff>
      <xdr:row>17</xdr:row>
      <xdr:rowOff>0</xdr:rowOff>
    </xdr:to>
    <xdr:sp macro="" textlink="">
      <xdr:nvSpPr>
        <xdr:cNvPr id="11" name="Line 22">
          <a:extLst>
            <a:ext uri="{FF2B5EF4-FFF2-40B4-BE49-F238E27FC236}">
              <a16:creationId xmlns:a16="http://schemas.microsoft.com/office/drawing/2014/main" id="{00000000-0008-0000-0700-00000B000000}"/>
            </a:ext>
          </a:extLst>
        </xdr:cNvPr>
        <xdr:cNvSpPr>
          <a:spLocks noChangeShapeType="1"/>
        </xdr:cNvSpPr>
      </xdr:nvSpPr>
      <xdr:spPr bwMode="auto">
        <a:xfrm>
          <a:off x="3619500" y="5867400"/>
          <a:ext cx="952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0</xdr:colOff>
      <xdr:row>17</xdr:row>
      <xdr:rowOff>0</xdr:rowOff>
    </xdr:from>
    <xdr:to>
      <xdr:col>3</xdr:col>
      <xdr:colOff>19050</xdr:colOff>
      <xdr:row>17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700-00000C000000}"/>
            </a:ext>
          </a:extLst>
        </xdr:cNvPr>
        <xdr:cNvSpPr>
          <a:spLocks noChangeShapeType="1"/>
        </xdr:cNvSpPr>
      </xdr:nvSpPr>
      <xdr:spPr bwMode="auto">
        <a:xfrm flipV="1">
          <a:off x="3619500" y="5867400"/>
          <a:ext cx="190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0</xdr:colOff>
      <xdr:row>17</xdr:row>
      <xdr:rowOff>0</xdr:rowOff>
    </xdr:from>
    <xdr:to>
      <xdr:col>3</xdr:col>
      <xdr:colOff>9525</xdr:colOff>
      <xdr:row>17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700-00000D000000}"/>
            </a:ext>
          </a:extLst>
        </xdr:cNvPr>
        <xdr:cNvSpPr>
          <a:spLocks noChangeShapeType="1"/>
        </xdr:cNvSpPr>
      </xdr:nvSpPr>
      <xdr:spPr bwMode="auto">
        <a:xfrm flipV="1">
          <a:off x="3619500" y="5867400"/>
          <a:ext cx="95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0</xdr:colOff>
      <xdr:row>17</xdr:row>
      <xdr:rowOff>0</xdr:rowOff>
    </xdr:from>
    <xdr:to>
      <xdr:col>3</xdr:col>
      <xdr:colOff>9525</xdr:colOff>
      <xdr:row>17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700-00000E000000}"/>
            </a:ext>
          </a:extLst>
        </xdr:cNvPr>
        <xdr:cNvSpPr>
          <a:spLocks noChangeShapeType="1"/>
        </xdr:cNvSpPr>
      </xdr:nvSpPr>
      <xdr:spPr bwMode="auto">
        <a:xfrm flipV="1">
          <a:off x="3619500" y="5867400"/>
          <a:ext cx="95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0</xdr:colOff>
      <xdr:row>17</xdr:row>
      <xdr:rowOff>0</xdr:rowOff>
    </xdr:from>
    <xdr:to>
      <xdr:col>4</xdr:col>
      <xdr:colOff>0</xdr:colOff>
      <xdr:row>17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700-00000F000000}"/>
            </a:ext>
          </a:extLst>
        </xdr:cNvPr>
        <xdr:cNvSpPr>
          <a:spLocks noChangeShapeType="1"/>
        </xdr:cNvSpPr>
      </xdr:nvSpPr>
      <xdr:spPr bwMode="auto">
        <a:xfrm>
          <a:off x="3619500" y="5867400"/>
          <a:ext cx="14954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0</xdr:colOff>
      <xdr:row>17</xdr:row>
      <xdr:rowOff>0</xdr:rowOff>
    </xdr:from>
    <xdr:to>
      <xdr:col>3</xdr:col>
      <xdr:colOff>9525</xdr:colOff>
      <xdr:row>17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700-000010000000}"/>
            </a:ext>
          </a:extLst>
        </xdr:cNvPr>
        <xdr:cNvSpPr>
          <a:spLocks noChangeShapeType="1"/>
        </xdr:cNvSpPr>
      </xdr:nvSpPr>
      <xdr:spPr bwMode="auto">
        <a:xfrm>
          <a:off x="3619500" y="5867400"/>
          <a:ext cx="95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9525</xdr:colOff>
      <xdr:row>17</xdr:row>
      <xdr:rowOff>0</xdr:rowOff>
    </xdr:from>
    <xdr:to>
      <xdr:col>4</xdr:col>
      <xdr:colOff>0</xdr:colOff>
      <xdr:row>17</xdr:row>
      <xdr:rowOff>0</xdr:rowOff>
    </xdr:to>
    <xdr:sp macro="" textlink="">
      <xdr:nvSpPr>
        <xdr:cNvPr id="17" name="Line 29">
          <a:extLst>
            <a:ext uri="{FF2B5EF4-FFF2-40B4-BE49-F238E27FC236}">
              <a16:creationId xmlns:a16="http://schemas.microsoft.com/office/drawing/2014/main" id="{00000000-0008-0000-0700-000011000000}"/>
            </a:ext>
          </a:extLst>
        </xdr:cNvPr>
        <xdr:cNvSpPr>
          <a:spLocks noChangeShapeType="1"/>
        </xdr:cNvSpPr>
      </xdr:nvSpPr>
      <xdr:spPr bwMode="auto">
        <a:xfrm>
          <a:off x="3629025" y="5867400"/>
          <a:ext cx="14859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0</xdr:colOff>
      <xdr:row>17</xdr:row>
      <xdr:rowOff>0</xdr:rowOff>
    </xdr:from>
    <xdr:to>
      <xdr:col>4</xdr:col>
      <xdr:colOff>0</xdr:colOff>
      <xdr:row>17</xdr:row>
      <xdr:rowOff>0</xdr:rowOff>
    </xdr:to>
    <xdr:sp macro="" textlink="">
      <xdr:nvSpPr>
        <xdr:cNvPr id="18" name="Line 30">
          <a:extLst>
            <a:ext uri="{FF2B5EF4-FFF2-40B4-BE49-F238E27FC236}">
              <a16:creationId xmlns:a16="http://schemas.microsoft.com/office/drawing/2014/main" id="{00000000-0008-0000-0700-000012000000}"/>
            </a:ext>
          </a:extLst>
        </xdr:cNvPr>
        <xdr:cNvSpPr>
          <a:spLocks noChangeShapeType="1"/>
        </xdr:cNvSpPr>
      </xdr:nvSpPr>
      <xdr:spPr bwMode="auto">
        <a:xfrm flipV="1">
          <a:off x="3619500" y="5867400"/>
          <a:ext cx="14954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0</xdr:colOff>
      <xdr:row>17</xdr:row>
      <xdr:rowOff>0</xdr:rowOff>
    </xdr:from>
    <xdr:to>
      <xdr:col>3</xdr:col>
      <xdr:colOff>466725</xdr:colOff>
      <xdr:row>17</xdr:row>
      <xdr:rowOff>0</xdr:rowOff>
    </xdr:to>
    <xdr:sp macro="" textlink="">
      <xdr:nvSpPr>
        <xdr:cNvPr id="19" name="Line 31">
          <a:extLst>
            <a:ext uri="{FF2B5EF4-FFF2-40B4-BE49-F238E27FC236}">
              <a16:creationId xmlns:a16="http://schemas.microsoft.com/office/drawing/2014/main" id="{00000000-0008-0000-0700-000013000000}"/>
            </a:ext>
          </a:extLst>
        </xdr:cNvPr>
        <xdr:cNvSpPr>
          <a:spLocks noChangeShapeType="1"/>
        </xdr:cNvSpPr>
      </xdr:nvSpPr>
      <xdr:spPr bwMode="auto">
        <a:xfrm>
          <a:off x="3619500" y="5867400"/>
          <a:ext cx="4667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19050</xdr:colOff>
      <xdr:row>17</xdr:row>
      <xdr:rowOff>0</xdr:rowOff>
    </xdr:from>
    <xdr:to>
      <xdr:col>3</xdr:col>
      <xdr:colOff>466725</xdr:colOff>
      <xdr:row>17</xdr:row>
      <xdr:rowOff>0</xdr:rowOff>
    </xdr:to>
    <xdr:sp macro="" textlink="">
      <xdr:nvSpPr>
        <xdr:cNvPr id="20" name="Line 32">
          <a:extLst>
            <a:ext uri="{FF2B5EF4-FFF2-40B4-BE49-F238E27FC236}">
              <a16:creationId xmlns:a16="http://schemas.microsoft.com/office/drawing/2014/main" id="{00000000-0008-0000-0700-000014000000}"/>
            </a:ext>
          </a:extLst>
        </xdr:cNvPr>
        <xdr:cNvSpPr>
          <a:spLocks noChangeShapeType="1"/>
        </xdr:cNvSpPr>
      </xdr:nvSpPr>
      <xdr:spPr bwMode="auto">
        <a:xfrm>
          <a:off x="3638550" y="5867400"/>
          <a:ext cx="4476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9525</xdr:colOff>
      <xdr:row>17</xdr:row>
      <xdr:rowOff>0</xdr:rowOff>
    </xdr:from>
    <xdr:to>
      <xdr:col>3</xdr:col>
      <xdr:colOff>466725</xdr:colOff>
      <xdr:row>17</xdr:row>
      <xdr:rowOff>0</xdr:rowOff>
    </xdr:to>
    <xdr:sp macro="" textlink="">
      <xdr:nvSpPr>
        <xdr:cNvPr id="21" name="Line 33">
          <a:extLst>
            <a:ext uri="{FF2B5EF4-FFF2-40B4-BE49-F238E27FC236}">
              <a16:creationId xmlns:a16="http://schemas.microsoft.com/office/drawing/2014/main" id="{00000000-0008-0000-0700-000015000000}"/>
            </a:ext>
          </a:extLst>
        </xdr:cNvPr>
        <xdr:cNvSpPr>
          <a:spLocks noChangeShapeType="1"/>
        </xdr:cNvSpPr>
      </xdr:nvSpPr>
      <xdr:spPr bwMode="auto">
        <a:xfrm>
          <a:off x="3629025" y="5867400"/>
          <a:ext cx="4572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9525</xdr:colOff>
      <xdr:row>17</xdr:row>
      <xdr:rowOff>0</xdr:rowOff>
    </xdr:from>
    <xdr:to>
      <xdr:col>3</xdr:col>
      <xdr:colOff>466725</xdr:colOff>
      <xdr:row>17</xdr:row>
      <xdr:rowOff>0</xdr:rowOff>
    </xdr:to>
    <xdr:sp macro="" textlink="">
      <xdr:nvSpPr>
        <xdr:cNvPr id="22" name="Line 34">
          <a:extLst>
            <a:ext uri="{FF2B5EF4-FFF2-40B4-BE49-F238E27FC236}">
              <a16:creationId xmlns:a16="http://schemas.microsoft.com/office/drawing/2014/main" id="{00000000-0008-0000-0700-000016000000}"/>
            </a:ext>
          </a:extLst>
        </xdr:cNvPr>
        <xdr:cNvSpPr>
          <a:spLocks noChangeShapeType="1"/>
        </xdr:cNvSpPr>
      </xdr:nvSpPr>
      <xdr:spPr bwMode="auto">
        <a:xfrm>
          <a:off x="3629025" y="5867400"/>
          <a:ext cx="4572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9525</xdr:colOff>
      <xdr:row>17</xdr:row>
      <xdr:rowOff>0</xdr:rowOff>
    </xdr:from>
    <xdr:to>
      <xdr:col>4</xdr:col>
      <xdr:colOff>0</xdr:colOff>
      <xdr:row>17</xdr:row>
      <xdr:rowOff>0</xdr:rowOff>
    </xdr:to>
    <xdr:sp macro="" textlink="">
      <xdr:nvSpPr>
        <xdr:cNvPr id="23" name="Line 35">
          <a:extLst>
            <a:ext uri="{FF2B5EF4-FFF2-40B4-BE49-F238E27FC236}">
              <a16:creationId xmlns:a16="http://schemas.microsoft.com/office/drawing/2014/main" id="{00000000-0008-0000-0700-000017000000}"/>
            </a:ext>
          </a:extLst>
        </xdr:cNvPr>
        <xdr:cNvSpPr>
          <a:spLocks noChangeShapeType="1"/>
        </xdr:cNvSpPr>
      </xdr:nvSpPr>
      <xdr:spPr bwMode="auto">
        <a:xfrm>
          <a:off x="3629025" y="5867400"/>
          <a:ext cx="14859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95250</xdr:colOff>
      <xdr:row>17</xdr:row>
      <xdr:rowOff>0</xdr:rowOff>
    </xdr:from>
    <xdr:to>
      <xdr:col>4</xdr:col>
      <xdr:colOff>0</xdr:colOff>
      <xdr:row>17</xdr:row>
      <xdr:rowOff>0</xdr:rowOff>
    </xdr:to>
    <xdr:sp macro="" textlink="">
      <xdr:nvSpPr>
        <xdr:cNvPr id="24" name="Line 36">
          <a:extLst>
            <a:ext uri="{FF2B5EF4-FFF2-40B4-BE49-F238E27FC236}">
              <a16:creationId xmlns:a16="http://schemas.microsoft.com/office/drawing/2014/main" id="{00000000-0008-0000-0700-000018000000}"/>
            </a:ext>
          </a:extLst>
        </xdr:cNvPr>
        <xdr:cNvSpPr>
          <a:spLocks noChangeShapeType="1"/>
        </xdr:cNvSpPr>
      </xdr:nvSpPr>
      <xdr:spPr bwMode="auto">
        <a:xfrm>
          <a:off x="3714750" y="5867400"/>
          <a:ext cx="14001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9525</xdr:colOff>
      <xdr:row>17</xdr:row>
      <xdr:rowOff>0</xdr:rowOff>
    </xdr:from>
    <xdr:to>
      <xdr:col>4</xdr:col>
      <xdr:colOff>0</xdr:colOff>
      <xdr:row>17</xdr:row>
      <xdr:rowOff>0</xdr:rowOff>
    </xdr:to>
    <xdr:sp macro="" textlink="">
      <xdr:nvSpPr>
        <xdr:cNvPr id="25" name="Line 37">
          <a:extLst>
            <a:ext uri="{FF2B5EF4-FFF2-40B4-BE49-F238E27FC236}">
              <a16:creationId xmlns:a16="http://schemas.microsoft.com/office/drawing/2014/main" id="{00000000-0008-0000-0700-000019000000}"/>
            </a:ext>
          </a:extLst>
        </xdr:cNvPr>
        <xdr:cNvSpPr>
          <a:spLocks noChangeShapeType="1"/>
        </xdr:cNvSpPr>
      </xdr:nvSpPr>
      <xdr:spPr bwMode="auto">
        <a:xfrm>
          <a:off x="3629025" y="5867400"/>
          <a:ext cx="14859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9525</xdr:colOff>
      <xdr:row>17</xdr:row>
      <xdr:rowOff>0</xdr:rowOff>
    </xdr:from>
    <xdr:to>
      <xdr:col>4</xdr:col>
      <xdr:colOff>0</xdr:colOff>
      <xdr:row>17</xdr:row>
      <xdr:rowOff>0</xdr:rowOff>
    </xdr:to>
    <xdr:sp macro="" textlink="">
      <xdr:nvSpPr>
        <xdr:cNvPr id="26" name="Line 38">
          <a:extLst>
            <a:ext uri="{FF2B5EF4-FFF2-40B4-BE49-F238E27FC236}">
              <a16:creationId xmlns:a16="http://schemas.microsoft.com/office/drawing/2014/main" id="{00000000-0008-0000-0700-00001A000000}"/>
            </a:ext>
          </a:extLst>
        </xdr:cNvPr>
        <xdr:cNvSpPr>
          <a:spLocks noChangeShapeType="1"/>
        </xdr:cNvSpPr>
      </xdr:nvSpPr>
      <xdr:spPr bwMode="auto">
        <a:xfrm>
          <a:off x="3629025" y="5867400"/>
          <a:ext cx="14859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5"/>
  <dimension ref="A1:X59"/>
  <sheetViews>
    <sheetView tabSelected="1" zoomScale="85" zoomScaleNormal="85" zoomScaleSheetLayoutView="100" workbookViewId="0">
      <pane xSplit="1" ySplit="8" topLeftCell="B30" activePane="bottomRight" state="frozen"/>
      <selection activeCell="B10" sqref="B10"/>
      <selection pane="topRight" activeCell="B10" sqref="B10"/>
      <selection pane="bottomLeft" activeCell="B10" sqref="B10"/>
      <selection pane="bottomRight" activeCell="AD40" sqref="AD40"/>
    </sheetView>
  </sheetViews>
  <sheetFormatPr defaultColWidth="9" defaultRowHeight="16.5" customHeight="1" x14ac:dyDescent="0.15"/>
  <cols>
    <col min="1" max="1" width="10.125" style="9" customWidth="1"/>
    <col min="2" max="23" width="2.625" style="2" customWidth="1"/>
    <col min="24" max="24" width="3.125" style="2" customWidth="1"/>
    <col min="25" max="16384" width="9" style="2"/>
  </cols>
  <sheetData>
    <row r="1" spans="1:24" ht="16.5" customHeight="1" x14ac:dyDescent="0.15">
      <c r="A1" s="1" t="s">
        <v>0</v>
      </c>
    </row>
    <row r="2" spans="1:24" ht="9" customHeight="1" x14ac:dyDescent="0.15">
      <c r="A2" s="3"/>
    </row>
    <row r="3" spans="1:24" s="6" customFormat="1" ht="16.5" customHeight="1" thickBot="1" x14ac:dyDescent="0.2">
      <c r="A3" s="5" t="s">
        <v>1</v>
      </c>
    </row>
    <row r="4" spans="1:24" s="9" customFormat="1" ht="23.25" customHeight="1" thickBot="1" x14ac:dyDescent="0.2">
      <c r="A4" s="8"/>
      <c r="B4" s="403" t="s">
        <v>2</v>
      </c>
      <c r="C4" s="404"/>
      <c r="D4" s="404"/>
      <c r="E4" s="404"/>
      <c r="F4" s="404"/>
      <c r="G4" s="404"/>
      <c r="H4" s="404"/>
      <c r="I4" s="404"/>
      <c r="J4" s="404"/>
      <c r="K4" s="405"/>
      <c r="L4" s="403" t="s">
        <v>3</v>
      </c>
      <c r="M4" s="404"/>
      <c r="N4" s="404"/>
      <c r="O4" s="404"/>
      <c r="P4" s="404"/>
      <c r="Q4" s="404"/>
      <c r="R4" s="404"/>
      <c r="S4" s="404"/>
      <c r="T4" s="404"/>
      <c r="U4" s="405"/>
      <c r="V4" s="406" t="s">
        <v>4</v>
      </c>
      <c r="W4" s="407"/>
      <c r="X4" s="408"/>
    </row>
    <row r="5" spans="1:24" s="9" customFormat="1" ht="23.25" thickBot="1" x14ac:dyDescent="0.2">
      <c r="A5" s="10"/>
      <c r="B5" s="406" t="s">
        <v>5</v>
      </c>
      <c r="C5" s="409"/>
      <c r="D5" s="409"/>
      <c r="E5" s="409"/>
      <c r="F5" s="409"/>
      <c r="G5" s="409"/>
      <c r="H5" s="410"/>
      <c r="I5" s="406" t="s">
        <v>6</v>
      </c>
      <c r="J5" s="409"/>
      <c r="K5" s="409"/>
      <c r="L5" s="411" t="s">
        <v>5</v>
      </c>
      <c r="M5" s="407"/>
      <c r="N5" s="407"/>
      <c r="O5" s="407"/>
      <c r="P5" s="407"/>
      <c r="Q5" s="407"/>
      <c r="R5" s="408"/>
      <c r="S5" s="411" t="s">
        <v>7</v>
      </c>
      <c r="T5" s="407"/>
      <c r="U5" s="408"/>
      <c r="V5" s="11" t="s">
        <v>8</v>
      </c>
      <c r="W5" s="412" t="s">
        <v>3</v>
      </c>
      <c r="X5" s="408"/>
    </row>
    <row r="6" spans="1:24" s="9" customFormat="1" ht="13.5" x14ac:dyDescent="0.15">
      <c r="A6" s="10" t="s">
        <v>9</v>
      </c>
      <c r="B6" s="416" t="s">
        <v>10</v>
      </c>
      <c r="C6" s="417"/>
      <c r="D6" s="417"/>
      <c r="E6" s="418"/>
      <c r="F6" s="422" t="s">
        <v>11</v>
      </c>
      <c r="G6" s="417"/>
      <c r="H6" s="418"/>
      <c r="I6" s="423" t="s">
        <v>12</v>
      </c>
      <c r="J6" s="426" t="s">
        <v>13</v>
      </c>
      <c r="K6" s="413" t="s">
        <v>14</v>
      </c>
      <c r="L6" s="416" t="s">
        <v>15</v>
      </c>
      <c r="M6" s="417"/>
      <c r="N6" s="417"/>
      <c r="O6" s="418"/>
      <c r="P6" s="416" t="s">
        <v>16</v>
      </c>
      <c r="Q6" s="417"/>
      <c r="R6" s="418"/>
      <c r="S6" s="423" t="s">
        <v>12</v>
      </c>
      <c r="T6" s="426" t="s">
        <v>13</v>
      </c>
      <c r="U6" s="413" t="s">
        <v>14</v>
      </c>
      <c r="V6" s="422" t="s">
        <v>17</v>
      </c>
      <c r="W6" s="417"/>
      <c r="X6" s="413" t="s">
        <v>18</v>
      </c>
    </row>
    <row r="7" spans="1:24" s="9" customFormat="1" ht="13.5" x14ac:dyDescent="0.15">
      <c r="A7" s="10"/>
      <c r="B7" s="419"/>
      <c r="C7" s="420"/>
      <c r="D7" s="420"/>
      <c r="E7" s="421"/>
      <c r="F7" s="419"/>
      <c r="G7" s="420"/>
      <c r="H7" s="421"/>
      <c r="I7" s="424"/>
      <c r="J7" s="427"/>
      <c r="K7" s="414"/>
      <c r="L7" s="419"/>
      <c r="M7" s="420"/>
      <c r="N7" s="420"/>
      <c r="O7" s="421"/>
      <c r="P7" s="419"/>
      <c r="Q7" s="420"/>
      <c r="R7" s="421"/>
      <c r="S7" s="424"/>
      <c r="T7" s="427"/>
      <c r="U7" s="414"/>
      <c r="V7" s="429"/>
      <c r="W7" s="430"/>
      <c r="X7" s="414"/>
    </row>
    <row r="8" spans="1:24" s="9" customFormat="1" ht="14.25" thickBot="1" x14ac:dyDescent="0.2">
      <c r="A8" s="12"/>
      <c r="B8" s="13" t="s">
        <v>19</v>
      </c>
      <c r="C8" s="14" t="s">
        <v>20</v>
      </c>
      <c r="D8" s="15" t="s">
        <v>21</v>
      </c>
      <c r="E8" s="16" t="s">
        <v>22</v>
      </c>
      <c r="F8" s="13" t="s">
        <v>19</v>
      </c>
      <c r="G8" s="14" t="s">
        <v>20</v>
      </c>
      <c r="H8" s="17" t="s">
        <v>23</v>
      </c>
      <c r="I8" s="425"/>
      <c r="J8" s="428"/>
      <c r="K8" s="415"/>
      <c r="L8" s="13" t="s">
        <v>19</v>
      </c>
      <c r="M8" s="14" t="s">
        <v>20</v>
      </c>
      <c r="N8" s="14" t="s">
        <v>24</v>
      </c>
      <c r="O8" s="18" t="s">
        <v>22</v>
      </c>
      <c r="P8" s="13" t="s">
        <v>19</v>
      </c>
      <c r="Q8" s="19" t="s">
        <v>20</v>
      </c>
      <c r="R8" s="20" t="s">
        <v>23</v>
      </c>
      <c r="S8" s="425"/>
      <c r="T8" s="428"/>
      <c r="U8" s="415"/>
      <c r="V8" s="431"/>
      <c r="W8" s="432"/>
      <c r="X8" s="415"/>
    </row>
    <row r="9" spans="1:24" ht="17.100000000000001" customHeight="1" x14ac:dyDescent="0.15">
      <c r="A9" s="21" t="s">
        <v>25</v>
      </c>
      <c r="B9" s="22" t="s">
        <v>209</v>
      </c>
      <c r="C9" s="23" t="s">
        <v>210</v>
      </c>
      <c r="D9" s="24" t="s">
        <v>210</v>
      </c>
      <c r="E9" s="25" t="s">
        <v>210</v>
      </c>
      <c r="F9" s="26" t="s">
        <v>209</v>
      </c>
      <c r="G9" s="23" t="s">
        <v>210</v>
      </c>
      <c r="H9" s="27" t="s">
        <v>210</v>
      </c>
      <c r="I9" s="22" t="s">
        <v>210</v>
      </c>
      <c r="J9" s="28" t="s">
        <v>209</v>
      </c>
      <c r="K9" s="28" t="s">
        <v>210</v>
      </c>
      <c r="L9" s="22" t="s">
        <v>210</v>
      </c>
      <c r="M9" s="23" t="s">
        <v>210</v>
      </c>
      <c r="N9" s="23" t="s">
        <v>210</v>
      </c>
      <c r="O9" s="27" t="s">
        <v>209</v>
      </c>
      <c r="P9" s="22" t="s">
        <v>209</v>
      </c>
      <c r="Q9" s="23" t="s">
        <v>210</v>
      </c>
      <c r="R9" s="24" t="s">
        <v>210</v>
      </c>
      <c r="S9" s="22" t="s">
        <v>210</v>
      </c>
      <c r="T9" s="28" t="s">
        <v>209</v>
      </c>
      <c r="U9" s="28" t="s">
        <v>210</v>
      </c>
      <c r="V9" s="29">
        <v>0</v>
      </c>
      <c r="W9" s="23">
        <v>18</v>
      </c>
      <c r="X9" s="25">
        <v>18</v>
      </c>
    </row>
    <row r="10" spans="1:24" ht="17.100000000000001" customHeight="1" x14ac:dyDescent="0.15">
      <c r="A10" s="30" t="s">
        <v>26</v>
      </c>
      <c r="B10" s="31" t="s">
        <v>209</v>
      </c>
      <c r="C10" s="32" t="s">
        <v>210</v>
      </c>
      <c r="D10" s="33" t="s">
        <v>210</v>
      </c>
      <c r="E10" s="34" t="s">
        <v>210</v>
      </c>
      <c r="F10" s="31" t="s">
        <v>209</v>
      </c>
      <c r="G10" s="32" t="s">
        <v>210</v>
      </c>
      <c r="H10" s="35" t="s">
        <v>210</v>
      </c>
      <c r="I10" s="36" t="s">
        <v>210</v>
      </c>
      <c r="J10" s="37" t="s">
        <v>209</v>
      </c>
      <c r="K10" s="33" t="s">
        <v>210</v>
      </c>
      <c r="L10" s="38" t="s">
        <v>209</v>
      </c>
      <c r="M10" s="32" t="s">
        <v>210</v>
      </c>
      <c r="N10" s="32" t="s">
        <v>210</v>
      </c>
      <c r="O10" s="35" t="s">
        <v>210</v>
      </c>
      <c r="P10" s="31" t="s">
        <v>209</v>
      </c>
      <c r="Q10" s="39" t="s">
        <v>210</v>
      </c>
      <c r="R10" s="40" t="s">
        <v>210</v>
      </c>
      <c r="S10" s="36" t="s">
        <v>210</v>
      </c>
      <c r="T10" s="39" t="s">
        <v>209</v>
      </c>
      <c r="U10" s="39" t="s">
        <v>210</v>
      </c>
      <c r="V10" s="38">
        <v>0</v>
      </c>
      <c r="W10" s="37">
        <v>0</v>
      </c>
      <c r="X10" s="41">
        <v>0</v>
      </c>
    </row>
    <row r="11" spans="1:24" ht="17.100000000000001" customHeight="1" x14ac:dyDescent="0.15">
      <c r="A11" s="30" t="s">
        <v>27</v>
      </c>
      <c r="B11" s="31" t="s">
        <v>209</v>
      </c>
      <c r="C11" s="37" t="s">
        <v>210</v>
      </c>
      <c r="D11" s="42" t="s">
        <v>209</v>
      </c>
      <c r="E11" s="41" t="s">
        <v>210</v>
      </c>
      <c r="F11" s="31" t="s">
        <v>209</v>
      </c>
      <c r="G11" s="37" t="s">
        <v>210</v>
      </c>
      <c r="H11" s="43" t="s">
        <v>210</v>
      </c>
      <c r="I11" s="31" t="s">
        <v>209</v>
      </c>
      <c r="J11" s="37" t="s">
        <v>210</v>
      </c>
      <c r="K11" s="42" t="s">
        <v>210</v>
      </c>
      <c r="L11" s="31" t="s">
        <v>209</v>
      </c>
      <c r="M11" s="37" t="s">
        <v>210</v>
      </c>
      <c r="N11" s="37" t="s">
        <v>210</v>
      </c>
      <c r="O11" s="41" t="s">
        <v>209</v>
      </c>
      <c r="P11" s="31" t="s">
        <v>209</v>
      </c>
      <c r="Q11" s="44" t="s">
        <v>210</v>
      </c>
      <c r="R11" s="41" t="s">
        <v>210</v>
      </c>
      <c r="S11" s="31" t="s">
        <v>209</v>
      </c>
      <c r="T11" s="44" t="s">
        <v>210</v>
      </c>
      <c r="U11" s="44" t="s">
        <v>210</v>
      </c>
      <c r="V11" s="38">
        <v>6</v>
      </c>
      <c r="W11" s="37">
        <v>6</v>
      </c>
      <c r="X11" s="41">
        <v>6</v>
      </c>
    </row>
    <row r="12" spans="1:24" ht="17.100000000000001" customHeight="1" x14ac:dyDescent="0.15">
      <c r="A12" s="30" t="s">
        <v>28</v>
      </c>
      <c r="B12" s="31" t="s">
        <v>210</v>
      </c>
      <c r="C12" s="37" t="s">
        <v>210</v>
      </c>
      <c r="D12" s="42" t="s">
        <v>209</v>
      </c>
      <c r="E12" s="41" t="s">
        <v>209</v>
      </c>
      <c r="F12" s="31" t="s">
        <v>209</v>
      </c>
      <c r="G12" s="37" t="s">
        <v>210</v>
      </c>
      <c r="H12" s="43" t="s">
        <v>210</v>
      </c>
      <c r="I12" s="38" t="s">
        <v>210</v>
      </c>
      <c r="J12" s="37" t="s">
        <v>209</v>
      </c>
      <c r="K12" s="42" t="s">
        <v>210</v>
      </c>
      <c r="L12" s="31" t="s">
        <v>210</v>
      </c>
      <c r="M12" s="37" t="s">
        <v>210</v>
      </c>
      <c r="N12" s="37" t="s">
        <v>209</v>
      </c>
      <c r="O12" s="43" t="s">
        <v>210</v>
      </c>
      <c r="P12" s="31" t="s">
        <v>209</v>
      </c>
      <c r="Q12" s="44" t="s">
        <v>210</v>
      </c>
      <c r="R12" s="41" t="s">
        <v>210</v>
      </c>
      <c r="S12" s="38" t="s">
        <v>210</v>
      </c>
      <c r="T12" s="44" t="s">
        <v>209</v>
      </c>
      <c r="U12" s="44" t="s">
        <v>210</v>
      </c>
      <c r="V12" s="38">
        <v>3</v>
      </c>
      <c r="W12" s="37">
        <v>0</v>
      </c>
      <c r="X12" s="41">
        <v>0</v>
      </c>
    </row>
    <row r="13" spans="1:24" ht="17.100000000000001" customHeight="1" thickBot="1" x14ac:dyDescent="0.2">
      <c r="A13" s="45" t="s">
        <v>29</v>
      </c>
      <c r="B13" s="46" t="s">
        <v>210</v>
      </c>
      <c r="C13" s="14" t="s">
        <v>210</v>
      </c>
      <c r="D13" s="47" t="s">
        <v>209</v>
      </c>
      <c r="E13" s="16" t="s">
        <v>210</v>
      </c>
      <c r="F13" s="46" t="s">
        <v>210</v>
      </c>
      <c r="G13" s="14" t="s">
        <v>210</v>
      </c>
      <c r="H13" s="18" t="s">
        <v>209</v>
      </c>
      <c r="I13" s="48" t="s">
        <v>209</v>
      </c>
      <c r="J13" s="14" t="s">
        <v>210</v>
      </c>
      <c r="K13" s="47" t="s">
        <v>210</v>
      </c>
      <c r="L13" s="48" t="s">
        <v>210</v>
      </c>
      <c r="M13" s="14" t="s">
        <v>210</v>
      </c>
      <c r="N13" s="14" t="s">
        <v>210</v>
      </c>
      <c r="O13" s="18" t="s">
        <v>209</v>
      </c>
      <c r="P13" s="46" t="s">
        <v>210</v>
      </c>
      <c r="Q13" s="49" t="s">
        <v>210</v>
      </c>
      <c r="R13" s="16" t="s">
        <v>209</v>
      </c>
      <c r="S13" s="48" t="s">
        <v>209</v>
      </c>
      <c r="T13" s="49" t="s">
        <v>210</v>
      </c>
      <c r="U13" s="49" t="s">
        <v>210</v>
      </c>
      <c r="V13" s="48">
        <v>2</v>
      </c>
      <c r="W13" s="14">
        <v>2</v>
      </c>
      <c r="X13" s="16">
        <v>2</v>
      </c>
    </row>
    <row r="14" spans="1:24" ht="17.100000000000001" customHeight="1" x14ac:dyDescent="0.15">
      <c r="A14" s="21" t="s">
        <v>30</v>
      </c>
      <c r="B14" s="50" t="s">
        <v>210</v>
      </c>
      <c r="C14" s="51" t="s">
        <v>210</v>
      </c>
      <c r="D14" s="52" t="s">
        <v>209</v>
      </c>
      <c r="E14" s="53" t="s">
        <v>210</v>
      </c>
      <c r="F14" s="50" t="s">
        <v>209</v>
      </c>
      <c r="G14" s="51" t="s">
        <v>210</v>
      </c>
      <c r="H14" s="54" t="s">
        <v>210</v>
      </c>
      <c r="I14" s="55" t="s">
        <v>210</v>
      </c>
      <c r="J14" s="51" t="s">
        <v>209</v>
      </c>
      <c r="K14" s="52" t="s">
        <v>210</v>
      </c>
      <c r="L14" s="50" t="s">
        <v>210</v>
      </c>
      <c r="M14" s="51" t="s">
        <v>210</v>
      </c>
      <c r="N14" s="51" t="s">
        <v>210</v>
      </c>
      <c r="O14" s="54" t="s">
        <v>209</v>
      </c>
      <c r="P14" s="50" t="s">
        <v>209</v>
      </c>
      <c r="Q14" s="56" t="s">
        <v>210</v>
      </c>
      <c r="R14" s="53" t="s">
        <v>210</v>
      </c>
      <c r="S14" s="50" t="s">
        <v>210</v>
      </c>
      <c r="T14" s="28" t="s">
        <v>209</v>
      </c>
      <c r="U14" s="56" t="s">
        <v>210</v>
      </c>
      <c r="V14" s="29">
        <v>0</v>
      </c>
      <c r="W14" s="23">
        <v>2</v>
      </c>
      <c r="X14" s="25">
        <v>2</v>
      </c>
    </row>
    <row r="15" spans="1:24" ht="17.100000000000001" customHeight="1" x14ac:dyDescent="0.15">
      <c r="A15" s="30" t="s">
        <v>31</v>
      </c>
      <c r="B15" s="31" t="s">
        <v>210</v>
      </c>
      <c r="C15" s="37" t="s">
        <v>210</v>
      </c>
      <c r="D15" s="42" t="s">
        <v>210</v>
      </c>
      <c r="E15" s="41" t="s">
        <v>209</v>
      </c>
      <c r="F15" s="31" t="s">
        <v>209</v>
      </c>
      <c r="G15" s="37" t="s">
        <v>210</v>
      </c>
      <c r="H15" s="43" t="s">
        <v>210</v>
      </c>
      <c r="I15" s="31" t="s">
        <v>209</v>
      </c>
      <c r="J15" s="37" t="s">
        <v>210</v>
      </c>
      <c r="K15" s="42" t="s">
        <v>210</v>
      </c>
      <c r="L15" s="31" t="s">
        <v>210</v>
      </c>
      <c r="M15" s="37" t="s">
        <v>210</v>
      </c>
      <c r="N15" s="37" t="s">
        <v>210</v>
      </c>
      <c r="O15" s="43" t="s">
        <v>209</v>
      </c>
      <c r="P15" s="31" t="s">
        <v>209</v>
      </c>
      <c r="Q15" s="44" t="s">
        <v>210</v>
      </c>
      <c r="R15" s="41" t="s">
        <v>210</v>
      </c>
      <c r="S15" s="31" t="s">
        <v>209</v>
      </c>
      <c r="T15" s="44" t="s">
        <v>210</v>
      </c>
      <c r="U15" s="44" t="s">
        <v>210</v>
      </c>
      <c r="V15" s="38">
        <v>1</v>
      </c>
      <c r="W15" s="37">
        <v>1</v>
      </c>
      <c r="X15" s="41">
        <v>1</v>
      </c>
    </row>
    <row r="16" spans="1:24" ht="17.100000000000001" customHeight="1" x14ac:dyDescent="0.15">
      <c r="A16" s="30" t="s">
        <v>32</v>
      </c>
      <c r="B16" s="31" t="s">
        <v>210</v>
      </c>
      <c r="C16" s="37" t="s">
        <v>210</v>
      </c>
      <c r="D16" s="42" t="s">
        <v>209</v>
      </c>
      <c r="E16" s="41" t="s">
        <v>210</v>
      </c>
      <c r="F16" s="31" t="s">
        <v>209</v>
      </c>
      <c r="G16" s="37" t="s">
        <v>210</v>
      </c>
      <c r="H16" s="43" t="s">
        <v>210</v>
      </c>
      <c r="I16" s="38" t="s">
        <v>210</v>
      </c>
      <c r="J16" s="37" t="s">
        <v>209</v>
      </c>
      <c r="K16" s="42" t="s">
        <v>210</v>
      </c>
      <c r="L16" s="31" t="s">
        <v>210</v>
      </c>
      <c r="M16" s="37" t="s">
        <v>210</v>
      </c>
      <c r="N16" s="37" t="s">
        <v>209</v>
      </c>
      <c r="O16" s="43" t="s">
        <v>210</v>
      </c>
      <c r="P16" s="31" t="s">
        <v>209</v>
      </c>
      <c r="Q16" s="44" t="s">
        <v>210</v>
      </c>
      <c r="R16" s="41" t="s">
        <v>210</v>
      </c>
      <c r="S16" s="31" t="s">
        <v>210</v>
      </c>
      <c r="T16" s="44" t="s">
        <v>209</v>
      </c>
      <c r="U16" s="44" t="s">
        <v>210</v>
      </c>
      <c r="V16" s="38">
        <v>0</v>
      </c>
      <c r="W16" s="37">
        <v>0</v>
      </c>
      <c r="X16" s="41">
        <v>0</v>
      </c>
    </row>
    <row r="17" spans="1:24" ht="17.100000000000001" customHeight="1" x14ac:dyDescent="0.15">
      <c r="A17" s="30" t="s">
        <v>33</v>
      </c>
      <c r="B17" s="31" t="s">
        <v>210</v>
      </c>
      <c r="C17" s="37" t="s">
        <v>210</v>
      </c>
      <c r="D17" s="42" t="s">
        <v>209</v>
      </c>
      <c r="E17" s="41" t="s">
        <v>210</v>
      </c>
      <c r="F17" s="31" t="s">
        <v>210</v>
      </c>
      <c r="G17" s="37" t="s">
        <v>210</v>
      </c>
      <c r="H17" s="43" t="s">
        <v>209</v>
      </c>
      <c r="I17" s="31" t="s">
        <v>209</v>
      </c>
      <c r="J17" s="37" t="s">
        <v>210</v>
      </c>
      <c r="K17" s="42" t="s">
        <v>210</v>
      </c>
      <c r="L17" s="31" t="s">
        <v>210</v>
      </c>
      <c r="M17" s="37" t="s">
        <v>210</v>
      </c>
      <c r="N17" s="37" t="s">
        <v>209</v>
      </c>
      <c r="O17" s="43" t="s">
        <v>210</v>
      </c>
      <c r="P17" s="31" t="s">
        <v>210</v>
      </c>
      <c r="Q17" s="44" t="s">
        <v>210</v>
      </c>
      <c r="R17" s="41" t="s">
        <v>209</v>
      </c>
      <c r="S17" s="31" t="s">
        <v>209</v>
      </c>
      <c r="T17" s="44" t="s">
        <v>210</v>
      </c>
      <c r="U17" s="44" t="s">
        <v>210</v>
      </c>
      <c r="V17" s="38">
        <v>0</v>
      </c>
      <c r="W17" s="37">
        <v>0</v>
      </c>
      <c r="X17" s="41">
        <v>0</v>
      </c>
    </row>
    <row r="18" spans="1:24" ht="17.100000000000001" customHeight="1" thickBot="1" x14ac:dyDescent="0.2">
      <c r="A18" s="45" t="s">
        <v>34</v>
      </c>
      <c r="B18" s="31" t="s">
        <v>210</v>
      </c>
      <c r="C18" s="14" t="s">
        <v>210</v>
      </c>
      <c r="D18" s="47" t="s">
        <v>210</v>
      </c>
      <c r="E18" s="16" t="s">
        <v>209</v>
      </c>
      <c r="F18" s="46" t="s">
        <v>210</v>
      </c>
      <c r="G18" s="14" t="s">
        <v>210</v>
      </c>
      <c r="H18" s="18" t="s">
        <v>209</v>
      </c>
      <c r="I18" s="48" t="s">
        <v>210</v>
      </c>
      <c r="J18" s="14" t="s">
        <v>209</v>
      </c>
      <c r="K18" s="47" t="s">
        <v>210</v>
      </c>
      <c r="L18" s="46" t="s">
        <v>210</v>
      </c>
      <c r="M18" s="14" t="s">
        <v>210</v>
      </c>
      <c r="N18" s="14" t="s">
        <v>210</v>
      </c>
      <c r="O18" s="18" t="s">
        <v>209</v>
      </c>
      <c r="P18" s="46" t="s">
        <v>210</v>
      </c>
      <c r="Q18" s="49" t="s">
        <v>210</v>
      </c>
      <c r="R18" s="16" t="s">
        <v>209</v>
      </c>
      <c r="S18" s="46" t="s">
        <v>210</v>
      </c>
      <c r="T18" s="49" t="s">
        <v>209</v>
      </c>
      <c r="U18" s="49" t="s">
        <v>210</v>
      </c>
      <c r="V18" s="48">
        <v>1</v>
      </c>
      <c r="W18" s="14">
        <v>1</v>
      </c>
      <c r="X18" s="16">
        <v>1</v>
      </c>
    </row>
    <row r="19" spans="1:24" ht="17.100000000000001" customHeight="1" x14ac:dyDescent="0.15">
      <c r="A19" s="21" t="s">
        <v>35</v>
      </c>
      <c r="B19" s="22" t="s">
        <v>210</v>
      </c>
      <c r="C19" s="51" t="s">
        <v>210</v>
      </c>
      <c r="D19" s="52" t="s">
        <v>209</v>
      </c>
      <c r="E19" s="53" t="s">
        <v>210</v>
      </c>
      <c r="F19" s="50" t="s">
        <v>210</v>
      </c>
      <c r="G19" s="51" t="s">
        <v>210</v>
      </c>
      <c r="H19" s="54" t="s">
        <v>209</v>
      </c>
      <c r="I19" s="55" t="s">
        <v>209</v>
      </c>
      <c r="J19" s="51" t="s">
        <v>210</v>
      </c>
      <c r="K19" s="52" t="s">
        <v>210</v>
      </c>
      <c r="L19" s="50" t="s">
        <v>210</v>
      </c>
      <c r="M19" s="51" t="s">
        <v>210</v>
      </c>
      <c r="N19" s="51" t="s">
        <v>210</v>
      </c>
      <c r="O19" s="54" t="s">
        <v>209</v>
      </c>
      <c r="P19" s="50" t="s">
        <v>210</v>
      </c>
      <c r="Q19" s="56" t="s">
        <v>210</v>
      </c>
      <c r="R19" s="53" t="s">
        <v>209</v>
      </c>
      <c r="S19" s="50" t="s">
        <v>209</v>
      </c>
      <c r="T19" s="56" t="s">
        <v>210</v>
      </c>
      <c r="U19" s="56" t="s">
        <v>210</v>
      </c>
      <c r="V19" s="55">
        <v>0</v>
      </c>
      <c r="W19" s="51">
        <v>4</v>
      </c>
      <c r="X19" s="53">
        <v>3</v>
      </c>
    </row>
    <row r="20" spans="1:24" ht="17.100000000000001" customHeight="1" x14ac:dyDescent="0.15">
      <c r="A20" s="30" t="s">
        <v>36</v>
      </c>
      <c r="B20" s="31" t="s">
        <v>210</v>
      </c>
      <c r="C20" s="37" t="s">
        <v>210</v>
      </c>
      <c r="D20" s="42" t="s">
        <v>209</v>
      </c>
      <c r="E20" s="41" t="s">
        <v>210</v>
      </c>
      <c r="F20" s="31" t="s">
        <v>209</v>
      </c>
      <c r="G20" s="37" t="s">
        <v>210</v>
      </c>
      <c r="H20" s="43" t="s">
        <v>210</v>
      </c>
      <c r="I20" s="38" t="s">
        <v>210</v>
      </c>
      <c r="J20" s="37" t="s">
        <v>209</v>
      </c>
      <c r="K20" s="42" t="s">
        <v>210</v>
      </c>
      <c r="L20" s="31" t="s">
        <v>210</v>
      </c>
      <c r="M20" s="37" t="s">
        <v>210</v>
      </c>
      <c r="N20" s="37" t="s">
        <v>210</v>
      </c>
      <c r="O20" s="43" t="s">
        <v>209</v>
      </c>
      <c r="P20" s="31" t="s">
        <v>209</v>
      </c>
      <c r="Q20" s="44" t="s">
        <v>210</v>
      </c>
      <c r="R20" s="41" t="s">
        <v>210</v>
      </c>
      <c r="S20" s="31" t="s">
        <v>210</v>
      </c>
      <c r="T20" s="44" t="s">
        <v>209</v>
      </c>
      <c r="U20" s="44" t="s">
        <v>210</v>
      </c>
      <c r="V20" s="38">
        <v>0</v>
      </c>
      <c r="W20" s="37">
        <v>3</v>
      </c>
      <c r="X20" s="41">
        <v>3</v>
      </c>
    </row>
    <row r="21" spans="1:24" ht="17.100000000000001" customHeight="1" x14ac:dyDescent="0.15">
      <c r="A21" s="30" t="s">
        <v>37</v>
      </c>
      <c r="B21" s="31" t="s">
        <v>210</v>
      </c>
      <c r="C21" s="37" t="s">
        <v>210</v>
      </c>
      <c r="D21" s="42" t="s">
        <v>209</v>
      </c>
      <c r="E21" s="41" t="s">
        <v>210</v>
      </c>
      <c r="F21" s="31" t="s">
        <v>209</v>
      </c>
      <c r="G21" s="37" t="s">
        <v>210</v>
      </c>
      <c r="H21" s="43" t="s">
        <v>210</v>
      </c>
      <c r="I21" s="38" t="s">
        <v>209</v>
      </c>
      <c r="J21" s="37" t="s">
        <v>210</v>
      </c>
      <c r="K21" s="42" t="s">
        <v>210</v>
      </c>
      <c r="L21" s="31" t="s">
        <v>210</v>
      </c>
      <c r="M21" s="37" t="s">
        <v>210</v>
      </c>
      <c r="N21" s="37" t="s">
        <v>209</v>
      </c>
      <c r="O21" s="43" t="s">
        <v>210</v>
      </c>
      <c r="P21" s="31" t="s">
        <v>209</v>
      </c>
      <c r="Q21" s="44" t="s">
        <v>210</v>
      </c>
      <c r="R21" s="41" t="s">
        <v>210</v>
      </c>
      <c r="S21" s="31" t="s">
        <v>209</v>
      </c>
      <c r="T21" s="44" t="s">
        <v>210</v>
      </c>
      <c r="U21" s="44" t="s">
        <v>210</v>
      </c>
      <c r="V21" s="38">
        <v>0</v>
      </c>
      <c r="W21" s="37">
        <v>3</v>
      </c>
      <c r="X21" s="41">
        <v>2</v>
      </c>
    </row>
    <row r="22" spans="1:24" ht="17.100000000000001" customHeight="1" x14ac:dyDescent="0.15">
      <c r="A22" s="30" t="s">
        <v>38</v>
      </c>
      <c r="B22" s="31" t="s">
        <v>210</v>
      </c>
      <c r="C22" s="37" t="s">
        <v>210</v>
      </c>
      <c r="D22" s="42" t="s">
        <v>209</v>
      </c>
      <c r="E22" s="41" t="s">
        <v>210</v>
      </c>
      <c r="F22" s="31" t="s">
        <v>209</v>
      </c>
      <c r="G22" s="37" t="s">
        <v>210</v>
      </c>
      <c r="H22" s="43" t="s">
        <v>210</v>
      </c>
      <c r="I22" s="31" t="s">
        <v>210</v>
      </c>
      <c r="J22" s="37" t="s">
        <v>209</v>
      </c>
      <c r="K22" s="42" t="s">
        <v>210</v>
      </c>
      <c r="L22" s="31" t="s">
        <v>210</v>
      </c>
      <c r="M22" s="37" t="s">
        <v>210</v>
      </c>
      <c r="N22" s="37" t="s">
        <v>210</v>
      </c>
      <c r="O22" s="43" t="s">
        <v>209</v>
      </c>
      <c r="P22" s="31" t="s">
        <v>209</v>
      </c>
      <c r="Q22" s="44" t="s">
        <v>210</v>
      </c>
      <c r="R22" s="41" t="s">
        <v>210</v>
      </c>
      <c r="S22" s="31" t="s">
        <v>210</v>
      </c>
      <c r="T22" s="44" t="s">
        <v>209</v>
      </c>
      <c r="U22" s="44" t="s">
        <v>210</v>
      </c>
      <c r="V22" s="38">
        <v>0</v>
      </c>
      <c r="W22" s="37">
        <v>4</v>
      </c>
      <c r="X22" s="41">
        <v>4</v>
      </c>
    </row>
    <row r="23" spans="1:24" ht="17.100000000000001" customHeight="1" thickBot="1" x14ac:dyDescent="0.2">
      <c r="A23" s="45" t="s">
        <v>39</v>
      </c>
      <c r="B23" s="46" t="s">
        <v>210</v>
      </c>
      <c r="C23" s="14" t="s">
        <v>210</v>
      </c>
      <c r="D23" s="47" t="s">
        <v>209</v>
      </c>
      <c r="E23" s="16" t="s">
        <v>210</v>
      </c>
      <c r="F23" s="46" t="s">
        <v>209</v>
      </c>
      <c r="G23" s="14" t="s">
        <v>210</v>
      </c>
      <c r="H23" s="18" t="s">
        <v>210</v>
      </c>
      <c r="I23" s="48" t="s">
        <v>210</v>
      </c>
      <c r="J23" s="14" t="s">
        <v>209</v>
      </c>
      <c r="K23" s="47" t="s">
        <v>210</v>
      </c>
      <c r="L23" s="46" t="s">
        <v>210</v>
      </c>
      <c r="M23" s="14" t="s">
        <v>210</v>
      </c>
      <c r="N23" s="14" t="s">
        <v>210</v>
      </c>
      <c r="O23" s="18" t="s">
        <v>209</v>
      </c>
      <c r="P23" s="46" t="s">
        <v>209</v>
      </c>
      <c r="Q23" s="49" t="s">
        <v>210</v>
      </c>
      <c r="R23" s="16" t="s">
        <v>210</v>
      </c>
      <c r="S23" s="46" t="s">
        <v>210</v>
      </c>
      <c r="T23" s="49" t="s">
        <v>209</v>
      </c>
      <c r="U23" s="49" t="s">
        <v>210</v>
      </c>
      <c r="V23" s="57">
        <v>0</v>
      </c>
      <c r="W23" s="58">
        <v>2</v>
      </c>
      <c r="X23" s="40">
        <v>2</v>
      </c>
    </row>
    <row r="24" spans="1:24" ht="17.100000000000001" customHeight="1" x14ac:dyDescent="0.15">
      <c r="A24" s="21" t="s">
        <v>40</v>
      </c>
      <c r="B24" s="31" t="s">
        <v>209</v>
      </c>
      <c r="C24" s="51" t="s">
        <v>210</v>
      </c>
      <c r="D24" s="52" t="s">
        <v>210</v>
      </c>
      <c r="E24" s="53" t="s">
        <v>210</v>
      </c>
      <c r="F24" s="50" t="s">
        <v>210</v>
      </c>
      <c r="G24" s="51" t="s">
        <v>209</v>
      </c>
      <c r="H24" s="54" t="s">
        <v>210</v>
      </c>
      <c r="I24" s="55" t="s">
        <v>209</v>
      </c>
      <c r="J24" s="51" t="s">
        <v>210</v>
      </c>
      <c r="K24" s="52" t="s">
        <v>210</v>
      </c>
      <c r="L24" s="50" t="s">
        <v>210</v>
      </c>
      <c r="M24" s="51" t="s">
        <v>210</v>
      </c>
      <c r="N24" s="51" t="s">
        <v>209</v>
      </c>
      <c r="O24" s="54" t="s">
        <v>210</v>
      </c>
      <c r="P24" s="50" t="s">
        <v>210</v>
      </c>
      <c r="Q24" s="56" t="s">
        <v>209</v>
      </c>
      <c r="R24" s="53" t="s">
        <v>210</v>
      </c>
      <c r="S24" s="50" t="s">
        <v>209</v>
      </c>
      <c r="T24" s="56" t="s">
        <v>210</v>
      </c>
      <c r="U24" s="56" t="s">
        <v>210</v>
      </c>
      <c r="V24" s="29">
        <v>0</v>
      </c>
      <c r="W24" s="23">
        <v>1</v>
      </c>
      <c r="X24" s="25">
        <v>1</v>
      </c>
    </row>
    <row r="25" spans="1:24" ht="17.100000000000001" customHeight="1" x14ac:dyDescent="0.15">
      <c r="A25" s="30" t="s">
        <v>41</v>
      </c>
      <c r="B25" s="31" t="s">
        <v>209</v>
      </c>
      <c r="C25" s="37" t="s">
        <v>210</v>
      </c>
      <c r="D25" s="42" t="s">
        <v>210</v>
      </c>
      <c r="E25" s="41" t="s">
        <v>210</v>
      </c>
      <c r="F25" s="31" t="s">
        <v>210</v>
      </c>
      <c r="G25" s="37" t="s">
        <v>209</v>
      </c>
      <c r="H25" s="43" t="s">
        <v>210</v>
      </c>
      <c r="I25" s="38" t="s">
        <v>209</v>
      </c>
      <c r="J25" s="37" t="s">
        <v>210</v>
      </c>
      <c r="K25" s="42" t="s">
        <v>210</v>
      </c>
      <c r="L25" s="31" t="s">
        <v>210</v>
      </c>
      <c r="M25" s="37" t="s">
        <v>210</v>
      </c>
      <c r="N25" s="37" t="s">
        <v>210</v>
      </c>
      <c r="O25" s="43" t="s">
        <v>209</v>
      </c>
      <c r="P25" s="31" t="s">
        <v>210</v>
      </c>
      <c r="Q25" s="44" t="s">
        <v>209</v>
      </c>
      <c r="R25" s="41" t="s">
        <v>210</v>
      </c>
      <c r="S25" s="31" t="s">
        <v>209</v>
      </c>
      <c r="T25" s="44" t="s">
        <v>210</v>
      </c>
      <c r="U25" s="44" t="s">
        <v>210</v>
      </c>
      <c r="V25" s="38">
        <v>0</v>
      </c>
      <c r="W25" s="37">
        <v>1</v>
      </c>
      <c r="X25" s="41">
        <v>1</v>
      </c>
    </row>
    <row r="26" spans="1:24" ht="17.100000000000001" customHeight="1" x14ac:dyDescent="0.15">
      <c r="A26" s="30" t="s">
        <v>42</v>
      </c>
      <c r="B26" s="31" t="s">
        <v>210</v>
      </c>
      <c r="C26" s="37" t="s">
        <v>210</v>
      </c>
      <c r="D26" s="42" t="s">
        <v>209</v>
      </c>
      <c r="E26" s="41" t="s">
        <v>210</v>
      </c>
      <c r="F26" s="31" t="s">
        <v>210</v>
      </c>
      <c r="G26" s="37" t="s">
        <v>209</v>
      </c>
      <c r="H26" s="43" t="s">
        <v>210</v>
      </c>
      <c r="I26" s="38" t="s">
        <v>209</v>
      </c>
      <c r="J26" s="37" t="s">
        <v>210</v>
      </c>
      <c r="K26" s="42" t="s">
        <v>210</v>
      </c>
      <c r="L26" s="31" t="s">
        <v>210</v>
      </c>
      <c r="M26" s="37" t="s">
        <v>210</v>
      </c>
      <c r="N26" s="37" t="s">
        <v>210</v>
      </c>
      <c r="O26" s="43" t="s">
        <v>209</v>
      </c>
      <c r="P26" s="31" t="s">
        <v>210</v>
      </c>
      <c r="Q26" s="44" t="s">
        <v>209</v>
      </c>
      <c r="R26" s="41" t="s">
        <v>210</v>
      </c>
      <c r="S26" s="31" t="s">
        <v>209</v>
      </c>
      <c r="T26" s="44" t="s">
        <v>210</v>
      </c>
      <c r="U26" s="44" t="s">
        <v>210</v>
      </c>
      <c r="V26" s="38">
        <v>1</v>
      </c>
      <c r="W26" s="37">
        <v>4</v>
      </c>
      <c r="X26" s="41">
        <v>2</v>
      </c>
    </row>
    <row r="27" spans="1:24" ht="17.100000000000001" customHeight="1" thickBot="1" x14ac:dyDescent="0.2">
      <c r="A27" s="59" t="s">
        <v>43</v>
      </c>
      <c r="B27" s="31" t="s">
        <v>209</v>
      </c>
      <c r="C27" s="58" t="s">
        <v>210</v>
      </c>
      <c r="D27" s="60" t="s">
        <v>210</v>
      </c>
      <c r="E27" s="40" t="s">
        <v>210</v>
      </c>
      <c r="F27" s="61" t="s">
        <v>210</v>
      </c>
      <c r="G27" s="37" t="s">
        <v>209</v>
      </c>
      <c r="H27" s="62" t="s">
        <v>210</v>
      </c>
      <c r="I27" s="38" t="s">
        <v>209</v>
      </c>
      <c r="J27" s="58" t="s">
        <v>210</v>
      </c>
      <c r="K27" s="60" t="s">
        <v>210</v>
      </c>
      <c r="L27" s="61" t="s">
        <v>210</v>
      </c>
      <c r="M27" s="58" t="s">
        <v>210</v>
      </c>
      <c r="N27" s="58" t="s">
        <v>210</v>
      </c>
      <c r="O27" s="43" t="s">
        <v>209</v>
      </c>
      <c r="P27" s="61" t="s">
        <v>210</v>
      </c>
      <c r="Q27" s="44" t="s">
        <v>209</v>
      </c>
      <c r="R27" s="40" t="s">
        <v>210</v>
      </c>
      <c r="S27" s="31" t="s">
        <v>209</v>
      </c>
      <c r="T27" s="63" t="s">
        <v>210</v>
      </c>
      <c r="U27" s="63" t="s">
        <v>210</v>
      </c>
      <c r="V27" s="48">
        <v>0</v>
      </c>
      <c r="W27" s="14">
        <v>1</v>
      </c>
      <c r="X27" s="16">
        <v>1</v>
      </c>
    </row>
    <row r="28" spans="1:24" ht="17.100000000000001" customHeight="1" thickBot="1" x14ac:dyDescent="0.2">
      <c r="A28" s="64" t="s">
        <v>44</v>
      </c>
      <c r="B28" s="64">
        <v>6</v>
      </c>
      <c r="C28" s="65">
        <v>0</v>
      </c>
      <c r="D28" s="66">
        <v>12</v>
      </c>
      <c r="E28" s="67">
        <v>3</v>
      </c>
      <c r="F28" s="64">
        <v>11</v>
      </c>
      <c r="G28" s="65">
        <v>4</v>
      </c>
      <c r="H28" s="68">
        <v>4</v>
      </c>
      <c r="I28" s="64">
        <v>10</v>
      </c>
      <c r="J28" s="65">
        <v>9</v>
      </c>
      <c r="K28" s="66">
        <v>0</v>
      </c>
      <c r="L28" s="64">
        <v>2</v>
      </c>
      <c r="M28" s="65">
        <v>0</v>
      </c>
      <c r="N28" s="65">
        <v>5</v>
      </c>
      <c r="O28" s="68">
        <v>13</v>
      </c>
      <c r="P28" s="64">
        <v>11</v>
      </c>
      <c r="Q28" s="69">
        <v>4</v>
      </c>
      <c r="R28" s="67">
        <v>4</v>
      </c>
      <c r="S28" s="64">
        <v>10</v>
      </c>
      <c r="T28" s="69">
        <v>9</v>
      </c>
      <c r="U28" s="69">
        <v>0</v>
      </c>
      <c r="V28" s="70">
        <v>14</v>
      </c>
      <c r="W28" s="32">
        <v>53</v>
      </c>
      <c r="X28" s="34">
        <v>49</v>
      </c>
    </row>
    <row r="29" spans="1:24" ht="17.100000000000001" customHeight="1" x14ac:dyDescent="0.15">
      <c r="A29" s="21" t="s">
        <v>45</v>
      </c>
      <c r="B29" s="50" t="s">
        <v>210</v>
      </c>
      <c r="C29" s="51" t="s">
        <v>210</v>
      </c>
      <c r="D29" s="42" t="s">
        <v>210</v>
      </c>
      <c r="E29" s="53" t="s">
        <v>209</v>
      </c>
      <c r="F29" s="31" t="s">
        <v>209</v>
      </c>
      <c r="G29" s="51" t="s">
        <v>210</v>
      </c>
      <c r="H29" s="54" t="s">
        <v>210</v>
      </c>
      <c r="I29" s="38" t="s">
        <v>210</v>
      </c>
      <c r="J29" s="51" t="s">
        <v>209</v>
      </c>
      <c r="K29" s="52" t="s">
        <v>210</v>
      </c>
      <c r="L29" s="50" t="s">
        <v>210</v>
      </c>
      <c r="M29" s="51" t="s">
        <v>210</v>
      </c>
      <c r="N29" s="37" t="s">
        <v>210</v>
      </c>
      <c r="O29" s="54" t="s">
        <v>209</v>
      </c>
      <c r="P29" s="31" t="s">
        <v>209</v>
      </c>
      <c r="Q29" s="56" t="s">
        <v>210</v>
      </c>
      <c r="R29" s="53" t="s">
        <v>210</v>
      </c>
      <c r="S29" s="31" t="s">
        <v>210</v>
      </c>
      <c r="T29" s="56" t="s">
        <v>209</v>
      </c>
      <c r="U29" s="56" t="s">
        <v>210</v>
      </c>
      <c r="V29" s="29">
        <v>2</v>
      </c>
      <c r="W29" s="23">
        <v>2</v>
      </c>
      <c r="X29" s="25">
        <v>2</v>
      </c>
    </row>
    <row r="30" spans="1:24" ht="17.100000000000001" customHeight="1" x14ac:dyDescent="0.15">
      <c r="A30" s="30" t="s">
        <v>46</v>
      </c>
      <c r="B30" s="31" t="s">
        <v>210</v>
      </c>
      <c r="C30" s="37" t="s">
        <v>210</v>
      </c>
      <c r="D30" s="42" t="s">
        <v>209</v>
      </c>
      <c r="E30" s="41" t="s">
        <v>210</v>
      </c>
      <c r="F30" s="31" t="s">
        <v>209</v>
      </c>
      <c r="G30" s="37" t="s">
        <v>210</v>
      </c>
      <c r="H30" s="43" t="s">
        <v>210</v>
      </c>
      <c r="I30" s="38" t="s">
        <v>209</v>
      </c>
      <c r="J30" s="37" t="s">
        <v>210</v>
      </c>
      <c r="K30" s="42" t="s">
        <v>210</v>
      </c>
      <c r="L30" s="31" t="s">
        <v>210</v>
      </c>
      <c r="M30" s="37" t="s">
        <v>210</v>
      </c>
      <c r="N30" s="37" t="s">
        <v>210</v>
      </c>
      <c r="O30" s="43" t="s">
        <v>209</v>
      </c>
      <c r="P30" s="31" t="s">
        <v>209</v>
      </c>
      <c r="Q30" s="44" t="s">
        <v>210</v>
      </c>
      <c r="R30" s="41" t="s">
        <v>210</v>
      </c>
      <c r="S30" s="31" t="s">
        <v>209</v>
      </c>
      <c r="T30" s="44" t="s">
        <v>210</v>
      </c>
      <c r="U30" s="44" t="s">
        <v>210</v>
      </c>
      <c r="V30" s="38">
        <v>0</v>
      </c>
      <c r="W30" s="37">
        <v>1</v>
      </c>
      <c r="X30" s="41">
        <v>1</v>
      </c>
    </row>
    <row r="31" spans="1:24" ht="17.100000000000001" customHeight="1" x14ac:dyDescent="0.15">
      <c r="A31" s="30" t="s">
        <v>47</v>
      </c>
      <c r="B31" s="31" t="s">
        <v>210</v>
      </c>
      <c r="C31" s="37" t="s">
        <v>210</v>
      </c>
      <c r="D31" s="42" t="s">
        <v>209</v>
      </c>
      <c r="E31" s="41" t="s">
        <v>210</v>
      </c>
      <c r="F31" s="31" t="s">
        <v>209</v>
      </c>
      <c r="G31" s="37" t="s">
        <v>210</v>
      </c>
      <c r="H31" s="43" t="s">
        <v>210</v>
      </c>
      <c r="I31" s="38" t="s">
        <v>209</v>
      </c>
      <c r="J31" s="37" t="s">
        <v>210</v>
      </c>
      <c r="K31" s="42" t="s">
        <v>210</v>
      </c>
      <c r="L31" s="31" t="s">
        <v>210</v>
      </c>
      <c r="M31" s="37" t="s">
        <v>210</v>
      </c>
      <c r="N31" s="37" t="s">
        <v>210</v>
      </c>
      <c r="O31" s="43" t="s">
        <v>209</v>
      </c>
      <c r="P31" s="31" t="s">
        <v>209</v>
      </c>
      <c r="Q31" s="44" t="s">
        <v>210</v>
      </c>
      <c r="R31" s="41" t="s">
        <v>210</v>
      </c>
      <c r="S31" s="31" t="s">
        <v>209</v>
      </c>
      <c r="T31" s="44" t="s">
        <v>210</v>
      </c>
      <c r="U31" s="44" t="s">
        <v>210</v>
      </c>
      <c r="V31" s="38">
        <v>2</v>
      </c>
      <c r="W31" s="37">
        <v>4</v>
      </c>
      <c r="X31" s="41">
        <v>4</v>
      </c>
    </row>
    <row r="32" spans="1:24" ht="17.100000000000001" customHeight="1" thickBot="1" x14ac:dyDescent="0.2">
      <c r="A32" s="45" t="s">
        <v>48</v>
      </c>
      <c r="B32" s="61" t="s">
        <v>210</v>
      </c>
      <c r="C32" s="58" t="s">
        <v>210</v>
      </c>
      <c r="D32" s="60" t="s">
        <v>209</v>
      </c>
      <c r="E32" s="40" t="s">
        <v>210</v>
      </c>
      <c r="F32" s="61" t="s">
        <v>209</v>
      </c>
      <c r="G32" s="58" t="s">
        <v>210</v>
      </c>
      <c r="H32" s="62" t="s">
        <v>210</v>
      </c>
      <c r="I32" s="57" t="s">
        <v>210</v>
      </c>
      <c r="J32" s="58" t="s">
        <v>209</v>
      </c>
      <c r="K32" s="60" t="s">
        <v>210</v>
      </c>
      <c r="L32" s="61" t="s">
        <v>210</v>
      </c>
      <c r="M32" s="58" t="s">
        <v>210</v>
      </c>
      <c r="N32" s="58" t="s">
        <v>209</v>
      </c>
      <c r="O32" s="62" t="s">
        <v>210</v>
      </c>
      <c r="P32" s="61" t="s">
        <v>209</v>
      </c>
      <c r="Q32" s="63" t="s">
        <v>210</v>
      </c>
      <c r="R32" s="40" t="s">
        <v>210</v>
      </c>
      <c r="S32" s="61" t="s">
        <v>210</v>
      </c>
      <c r="T32" s="63" t="s">
        <v>209</v>
      </c>
      <c r="U32" s="63" t="s">
        <v>210</v>
      </c>
      <c r="V32" s="48">
        <v>0</v>
      </c>
      <c r="W32" s="14">
        <v>4</v>
      </c>
      <c r="X32" s="16">
        <v>4</v>
      </c>
    </row>
    <row r="33" spans="1:24" ht="17.100000000000001" customHeight="1" x14ac:dyDescent="0.15">
      <c r="A33" s="21" t="s">
        <v>49</v>
      </c>
      <c r="B33" s="22" t="s">
        <v>210</v>
      </c>
      <c r="C33" s="23" t="s">
        <v>210</v>
      </c>
      <c r="D33" s="71" t="s">
        <v>209</v>
      </c>
      <c r="E33" s="27" t="s">
        <v>210</v>
      </c>
      <c r="F33" s="22" t="s">
        <v>210</v>
      </c>
      <c r="G33" s="23" t="s">
        <v>209</v>
      </c>
      <c r="H33" s="27" t="s">
        <v>210</v>
      </c>
      <c r="I33" s="29" t="s">
        <v>209</v>
      </c>
      <c r="J33" s="23" t="s">
        <v>210</v>
      </c>
      <c r="K33" s="24" t="s">
        <v>210</v>
      </c>
      <c r="L33" s="22" t="s">
        <v>210</v>
      </c>
      <c r="M33" s="23" t="s">
        <v>210</v>
      </c>
      <c r="N33" s="23" t="s">
        <v>210</v>
      </c>
      <c r="O33" s="27" t="s">
        <v>209</v>
      </c>
      <c r="P33" s="22" t="s">
        <v>210</v>
      </c>
      <c r="Q33" s="28" t="s">
        <v>209</v>
      </c>
      <c r="R33" s="25" t="s">
        <v>210</v>
      </c>
      <c r="S33" s="22" t="s">
        <v>209</v>
      </c>
      <c r="T33" s="28" t="s">
        <v>210</v>
      </c>
      <c r="U33" s="28" t="s">
        <v>210</v>
      </c>
      <c r="V33" s="55">
        <v>1</v>
      </c>
      <c r="W33" s="51">
        <v>1</v>
      </c>
      <c r="X33" s="53">
        <v>1</v>
      </c>
    </row>
    <row r="34" spans="1:24" ht="17.100000000000001" customHeight="1" x14ac:dyDescent="0.15">
      <c r="A34" s="30" t="s">
        <v>50</v>
      </c>
      <c r="B34" s="31" t="s">
        <v>210</v>
      </c>
      <c r="C34" s="37" t="s">
        <v>210</v>
      </c>
      <c r="D34" s="72" t="s">
        <v>209</v>
      </c>
      <c r="E34" s="43" t="s">
        <v>210</v>
      </c>
      <c r="F34" s="31" t="s">
        <v>210</v>
      </c>
      <c r="G34" s="37" t="s">
        <v>209</v>
      </c>
      <c r="H34" s="43" t="s">
        <v>210</v>
      </c>
      <c r="I34" s="38" t="s">
        <v>209</v>
      </c>
      <c r="J34" s="37" t="s">
        <v>210</v>
      </c>
      <c r="K34" s="42" t="s">
        <v>210</v>
      </c>
      <c r="L34" s="31" t="s">
        <v>210</v>
      </c>
      <c r="M34" s="37" t="s">
        <v>210</v>
      </c>
      <c r="N34" s="37" t="s">
        <v>210</v>
      </c>
      <c r="O34" s="43" t="s">
        <v>209</v>
      </c>
      <c r="P34" s="31" t="s">
        <v>210</v>
      </c>
      <c r="Q34" s="44" t="s">
        <v>209</v>
      </c>
      <c r="R34" s="41" t="s">
        <v>210</v>
      </c>
      <c r="S34" s="31" t="s">
        <v>209</v>
      </c>
      <c r="T34" s="44" t="s">
        <v>210</v>
      </c>
      <c r="U34" s="44" t="s">
        <v>210</v>
      </c>
      <c r="V34" s="38">
        <v>2</v>
      </c>
      <c r="W34" s="37">
        <v>2</v>
      </c>
      <c r="X34" s="41">
        <v>2</v>
      </c>
    </row>
    <row r="35" spans="1:24" ht="17.100000000000001" customHeight="1" x14ac:dyDescent="0.15">
      <c r="A35" s="30" t="s">
        <v>51</v>
      </c>
      <c r="B35" s="31" t="s">
        <v>210</v>
      </c>
      <c r="C35" s="37" t="s">
        <v>210</v>
      </c>
      <c r="D35" s="72" t="s">
        <v>209</v>
      </c>
      <c r="E35" s="43" t="s">
        <v>210</v>
      </c>
      <c r="F35" s="31" t="s">
        <v>210</v>
      </c>
      <c r="G35" s="37" t="s">
        <v>209</v>
      </c>
      <c r="H35" s="43" t="s">
        <v>210</v>
      </c>
      <c r="I35" s="38" t="s">
        <v>209</v>
      </c>
      <c r="J35" s="37" t="s">
        <v>210</v>
      </c>
      <c r="K35" s="42" t="s">
        <v>210</v>
      </c>
      <c r="L35" s="31" t="s">
        <v>210</v>
      </c>
      <c r="M35" s="37" t="s">
        <v>210</v>
      </c>
      <c r="N35" s="37" t="s">
        <v>209</v>
      </c>
      <c r="O35" s="43" t="s">
        <v>210</v>
      </c>
      <c r="P35" s="31" t="s">
        <v>210</v>
      </c>
      <c r="Q35" s="44" t="s">
        <v>209</v>
      </c>
      <c r="R35" s="41" t="s">
        <v>210</v>
      </c>
      <c r="S35" s="31" t="s">
        <v>209</v>
      </c>
      <c r="T35" s="44" t="s">
        <v>210</v>
      </c>
      <c r="U35" s="44" t="s">
        <v>210</v>
      </c>
      <c r="V35" s="38">
        <v>2</v>
      </c>
      <c r="W35" s="37">
        <v>2</v>
      </c>
      <c r="X35" s="41">
        <v>2</v>
      </c>
    </row>
    <row r="36" spans="1:24" ht="17.100000000000001" customHeight="1" x14ac:dyDescent="0.15">
      <c r="A36" s="30" t="s">
        <v>52</v>
      </c>
      <c r="B36" s="31" t="s">
        <v>210</v>
      </c>
      <c r="C36" s="37" t="s">
        <v>210</v>
      </c>
      <c r="D36" s="72" t="s">
        <v>209</v>
      </c>
      <c r="E36" s="43" t="s">
        <v>210</v>
      </c>
      <c r="F36" s="31" t="s">
        <v>210</v>
      </c>
      <c r="G36" s="37" t="s">
        <v>209</v>
      </c>
      <c r="H36" s="43" t="s">
        <v>210</v>
      </c>
      <c r="I36" s="38" t="s">
        <v>209</v>
      </c>
      <c r="J36" s="37" t="s">
        <v>210</v>
      </c>
      <c r="K36" s="42" t="s">
        <v>210</v>
      </c>
      <c r="L36" s="31" t="s">
        <v>210</v>
      </c>
      <c r="M36" s="37" t="s">
        <v>210</v>
      </c>
      <c r="N36" s="37" t="s">
        <v>209</v>
      </c>
      <c r="O36" s="43" t="s">
        <v>210</v>
      </c>
      <c r="P36" s="31" t="s">
        <v>210</v>
      </c>
      <c r="Q36" s="44" t="s">
        <v>209</v>
      </c>
      <c r="R36" s="41" t="s">
        <v>210</v>
      </c>
      <c r="S36" s="31" t="s">
        <v>209</v>
      </c>
      <c r="T36" s="44" t="s">
        <v>210</v>
      </c>
      <c r="U36" s="44" t="s">
        <v>210</v>
      </c>
      <c r="V36" s="38">
        <v>1</v>
      </c>
      <c r="W36" s="37">
        <v>1</v>
      </c>
      <c r="X36" s="41">
        <v>1</v>
      </c>
    </row>
    <row r="37" spans="1:24" ht="17.100000000000001" customHeight="1" thickBot="1" x14ac:dyDescent="0.2">
      <c r="A37" s="45" t="s">
        <v>53</v>
      </c>
      <c r="B37" s="46" t="s">
        <v>210</v>
      </c>
      <c r="C37" s="14" t="s">
        <v>210</v>
      </c>
      <c r="D37" s="15" t="s">
        <v>209</v>
      </c>
      <c r="E37" s="18" t="s">
        <v>210</v>
      </c>
      <c r="F37" s="46" t="s">
        <v>210</v>
      </c>
      <c r="G37" s="14" t="s">
        <v>209</v>
      </c>
      <c r="H37" s="18" t="s">
        <v>210</v>
      </c>
      <c r="I37" s="48" t="s">
        <v>209</v>
      </c>
      <c r="J37" s="14" t="s">
        <v>210</v>
      </c>
      <c r="K37" s="47" t="s">
        <v>210</v>
      </c>
      <c r="L37" s="46" t="s">
        <v>210</v>
      </c>
      <c r="M37" s="14" t="s">
        <v>210</v>
      </c>
      <c r="N37" s="14" t="s">
        <v>210</v>
      </c>
      <c r="O37" s="18" t="s">
        <v>209</v>
      </c>
      <c r="P37" s="46" t="s">
        <v>210</v>
      </c>
      <c r="Q37" s="49" t="s">
        <v>209</v>
      </c>
      <c r="R37" s="16" t="s">
        <v>210</v>
      </c>
      <c r="S37" s="46" t="s">
        <v>209</v>
      </c>
      <c r="T37" s="49" t="s">
        <v>210</v>
      </c>
      <c r="U37" s="49" t="s">
        <v>210</v>
      </c>
      <c r="V37" s="57">
        <v>0</v>
      </c>
      <c r="W37" s="58">
        <v>1</v>
      </c>
      <c r="X37" s="40">
        <v>1</v>
      </c>
    </row>
    <row r="38" spans="1:24" ht="17.100000000000001" customHeight="1" x14ac:dyDescent="0.15">
      <c r="A38" s="21" t="s">
        <v>54</v>
      </c>
      <c r="B38" s="50" t="s">
        <v>210</v>
      </c>
      <c r="C38" s="51" t="s">
        <v>210</v>
      </c>
      <c r="D38" s="52" t="s">
        <v>209</v>
      </c>
      <c r="E38" s="53" t="s">
        <v>210</v>
      </c>
      <c r="F38" s="50" t="s">
        <v>209</v>
      </c>
      <c r="G38" s="51" t="s">
        <v>210</v>
      </c>
      <c r="H38" s="54" t="s">
        <v>210</v>
      </c>
      <c r="I38" s="55" t="s">
        <v>209</v>
      </c>
      <c r="J38" s="51" t="s">
        <v>210</v>
      </c>
      <c r="K38" s="52" t="s">
        <v>210</v>
      </c>
      <c r="L38" s="50" t="s">
        <v>210</v>
      </c>
      <c r="M38" s="51" t="s">
        <v>210</v>
      </c>
      <c r="N38" s="51" t="s">
        <v>210</v>
      </c>
      <c r="O38" s="54" t="s">
        <v>209</v>
      </c>
      <c r="P38" s="50" t="s">
        <v>209</v>
      </c>
      <c r="Q38" s="56" t="s">
        <v>210</v>
      </c>
      <c r="R38" s="53" t="s">
        <v>210</v>
      </c>
      <c r="S38" s="50" t="s">
        <v>209</v>
      </c>
      <c r="T38" s="56" t="s">
        <v>210</v>
      </c>
      <c r="U38" s="56" t="s">
        <v>210</v>
      </c>
      <c r="V38" s="29">
        <v>0</v>
      </c>
      <c r="W38" s="23">
        <v>2</v>
      </c>
      <c r="X38" s="25">
        <v>2</v>
      </c>
    </row>
    <row r="39" spans="1:24" ht="17.100000000000001" customHeight="1" x14ac:dyDescent="0.15">
      <c r="A39" s="30" t="s">
        <v>55</v>
      </c>
      <c r="B39" s="31" t="s">
        <v>210</v>
      </c>
      <c r="C39" s="37" t="s">
        <v>210</v>
      </c>
      <c r="D39" s="42" t="s">
        <v>209</v>
      </c>
      <c r="E39" s="41" t="s">
        <v>210</v>
      </c>
      <c r="F39" s="31" t="s">
        <v>210</v>
      </c>
      <c r="G39" s="37" t="s">
        <v>210</v>
      </c>
      <c r="H39" s="43" t="s">
        <v>209</v>
      </c>
      <c r="I39" s="31" t="s">
        <v>209</v>
      </c>
      <c r="J39" s="37" t="s">
        <v>210</v>
      </c>
      <c r="K39" s="44" t="s">
        <v>210</v>
      </c>
      <c r="L39" s="31" t="s">
        <v>210</v>
      </c>
      <c r="M39" s="37" t="s">
        <v>210</v>
      </c>
      <c r="N39" s="37" t="s">
        <v>209</v>
      </c>
      <c r="O39" s="43" t="s">
        <v>210</v>
      </c>
      <c r="P39" s="31" t="s">
        <v>210</v>
      </c>
      <c r="Q39" s="44" t="s">
        <v>210</v>
      </c>
      <c r="R39" s="41" t="s">
        <v>209</v>
      </c>
      <c r="S39" s="31" t="s">
        <v>209</v>
      </c>
      <c r="T39" s="44" t="s">
        <v>210</v>
      </c>
      <c r="U39" s="44" t="s">
        <v>210</v>
      </c>
      <c r="V39" s="38">
        <v>0</v>
      </c>
      <c r="W39" s="37">
        <v>1</v>
      </c>
      <c r="X39" s="41">
        <v>1</v>
      </c>
    </row>
    <row r="40" spans="1:24" ht="17.100000000000001" customHeight="1" x14ac:dyDescent="0.15">
      <c r="A40" s="30" t="s">
        <v>56</v>
      </c>
      <c r="B40" s="31" t="s">
        <v>210</v>
      </c>
      <c r="C40" s="37" t="s">
        <v>210</v>
      </c>
      <c r="D40" s="42" t="s">
        <v>209</v>
      </c>
      <c r="E40" s="41" t="s">
        <v>210</v>
      </c>
      <c r="F40" s="31" t="s">
        <v>210</v>
      </c>
      <c r="G40" s="37" t="s">
        <v>210</v>
      </c>
      <c r="H40" s="43" t="s">
        <v>209</v>
      </c>
      <c r="I40" s="31" t="s">
        <v>209</v>
      </c>
      <c r="J40" s="37" t="s">
        <v>210</v>
      </c>
      <c r="K40" s="44" t="s">
        <v>210</v>
      </c>
      <c r="L40" s="31" t="s">
        <v>210</v>
      </c>
      <c r="M40" s="37" t="s">
        <v>210</v>
      </c>
      <c r="N40" s="37" t="s">
        <v>210</v>
      </c>
      <c r="O40" s="43" t="s">
        <v>209</v>
      </c>
      <c r="P40" s="31" t="s">
        <v>210</v>
      </c>
      <c r="Q40" s="44" t="s">
        <v>210</v>
      </c>
      <c r="R40" s="41" t="s">
        <v>209</v>
      </c>
      <c r="S40" s="31" t="s">
        <v>209</v>
      </c>
      <c r="T40" s="44" t="s">
        <v>210</v>
      </c>
      <c r="U40" s="44" t="s">
        <v>210</v>
      </c>
      <c r="V40" s="38">
        <v>1</v>
      </c>
      <c r="W40" s="37">
        <v>2</v>
      </c>
      <c r="X40" s="41">
        <v>2</v>
      </c>
    </row>
    <row r="41" spans="1:24" ht="17.100000000000001" customHeight="1" x14ac:dyDescent="0.15">
      <c r="A41" s="30" t="s">
        <v>57</v>
      </c>
      <c r="B41" s="31" t="s">
        <v>209</v>
      </c>
      <c r="C41" s="37" t="s">
        <v>210</v>
      </c>
      <c r="D41" s="42" t="s">
        <v>210</v>
      </c>
      <c r="E41" s="41" t="s">
        <v>210</v>
      </c>
      <c r="F41" s="31" t="s">
        <v>209</v>
      </c>
      <c r="G41" s="37" t="s">
        <v>210</v>
      </c>
      <c r="H41" s="43" t="s">
        <v>210</v>
      </c>
      <c r="I41" s="38" t="s">
        <v>209</v>
      </c>
      <c r="J41" s="37" t="s">
        <v>210</v>
      </c>
      <c r="K41" s="42" t="s">
        <v>210</v>
      </c>
      <c r="L41" s="31" t="s">
        <v>209</v>
      </c>
      <c r="M41" s="37" t="s">
        <v>210</v>
      </c>
      <c r="N41" s="37" t="s">
        <v>210</v>
      </c>
      <c r="O41" s="43" t="s">
        <v>210</v>
      </c>
      <c r="P41" s="31" t="s">
        <v>209</v>
      </c>
      <c r="Q41" s="44" t="s">
        <v>210</v>
      </c>
      <c r="R41" s="41" t="s">
        <v>210</v>
      </c>
      <c r="S41" s="31" t="s">
        <v>209</v>
      </c>
      <c r="T41" s="44" t="s">
        <v>210</v>
      </c>
      <c r="U41" s="44" t="s">
        <v>210</v>
      </c>
      <c r="V41" s="38">
        <v>0</v>
      </c>
      <c r="W41" s="37">
        <v>0</v>
      </c>
      <c r="X41" s="41">
        <v>0</v>
      </c>
    </row>
    <row r="42" spans="1:24" ht="17.100000000000001" customHeight="1" thickBot="1" x14ac:dyDescent="0.2">
      <c r="A42" s="45" t="s">
        <v>58</v>
      </c>
      <c r="B42" s="46" t="s">
        <v>210</v>
      </c>
      <c r="C42" s="14" t="s">
        <v>210</v>
      </c>
      <c r="D42" s="47" t="s">
        <v>209</v>
      </c>
      <c r="E42" s="16" t="s">
        <v>210</v>
      </c>
      <c r="F42" s="46" t="s">
        <v>210</v>
      </c>
      <c r="G42" s="14" t="s">
        <v>210</v>
      </c>
      <c r="H42" s="18" t="s">
        <v>209</v>
      </c>
      <c r="I42" s="48" t="s">
        <v>209</v>
      </c>
      <c r="J42" s="14" t="s">
        <v>210</v>
      </c>
      <c r="K42" s="47" t="s">
        <v>210</v>
      </c>
      <c r="L42" s="46" t="s">
        <v>210</v>
      </c>
      <c r="M42" s="14" t="s">
        <v>210</v>
      </c>
      <c r="N42" s="14" t="s">
        <v>209</v>
      </c>
      <c r="O42" s="18" t="s">
        <v>210</v>
      </c>
      <c r="P42" s="46" t="s">
        <v>210</v>
      </c>
      <c r="Q42" s="49" t="s">
        <v>210</v>
      </c>
      <c r="R42" s="16" t="s">
        <v>209</v>
      </c>
      <c r="S42" s="46" t="s">
        <v>209</v>
      </c>
      <c r="T42" s="49" t="s">
        <v>210</v>
      </c>
      <c r="U42" s="49" t="s">
        <v>210</v>
      </c>
      <c r="V42" s="48">
        <v>0</v>
      </c>
      <c r="W42" s="14">
        <v>0</v>
      </c>
      <c r="X42" s="16">
        <v>1</v>
      </c>
    </row>
    <row r="43" spans="1:24" ht="17.100000000000001" customHeight="1" thickBot="1" x14ac:dyDescent="0.2">
      <c r="A43" s="64" t="s">
        <v>59</v>
      </c>
      <c r="B43" s="64">
        <v>1</v>
      </c>
      <c r="C43" s="65">
        <v>0</v>
      </c>
      <c r="D43" s="73">
        <v>12</v>
      </c>
      <c r="E43" s="67">
        <v>1</v>
      </c>
      <c r="F43" s="64">
        <v>6</v>
      </c>
      <c r="G43" s="65">
        <v>5</v>
      </c>
      <c r="H43" s="68">
        <v>3</v>
      </c>
      <c r="I43" s="64">
        <v>12</v>
      </c>
      <c r="J43" s="65">
        <v>2</v>
      </c>
      <c r="K43" s="66">
        <v>0</v>
      </c>
      <c r="L43" s="64">
        <v>1</v>
      </c>
      <c r="M43" s="65">
        <v>0</v>
      </c>
      <c r="N43" s="65">
        <v>5</v>
      </c>
      <c r="O43" s="68">
        <v>8</v>
      </c>
      <c r="P43" s="64">
        <v>6</v>
      </c>
      <c r="Q43" s="69">
        <v>5</v>
      </c>
      <c r="R43" s="67">
        <v>3</v>
      </c>
      <c r="S43" s="64">
        <v>12</v>
      </c>
      <c r="T43" s="69">
        <v>2</v>
      </c>
      <c r="U43" s="69">
        <v>0</v>
      </c>
      <c r="V43" s="70">
        <v>11</v>
      </c>
      <c r="W43" s="32">
        <v>23</v>
      </c>
      <c r="X43" s="34">
        <v>24</v>
      </c>
    </row>
    <row r="44" spans="1:24" ht="17.100000000000001" customHeight="1" thickBot="1" x14ac:dyDescent="0.2">
      <c r="A44" s="13" t="s">
        <v>60</v>
      </c>
      <c r="B44" s="13">
        <v>7</v>
      </c>
      <c r="C44" s="65">
        <v>0</v>
      </c>
      <c r="D44" s="73">
        <v>24</v>
      </c>
      <c r="E44" s="74">
        <v>4</v>
      </c>
      <c r="F44" s="13">
        <v>17</v>
      </c>
      <c r="G44" s="19">
        <v>9</v>
      </c>
      <c r="H44" s="17">
        <v>7</v>
      </c>
      <c r="I44" s="13">
        <v>22</v>
      </c>
      <c r="J44" s="19">
        <v>11</v>
      </c>
      <c r="K44" s="20">
        <v>0</v>
      </c>
      <c r="L44" s="13">
        <v>3</v>
      </c>
      <c r="M44" s="19">
        <v>0</v>
      </c>
      <c r="N44" s="19">
        <v>10</v>
      </c>
      <c r="O44" s="17">
        <v>21</v>
      </c>
      <c r="P44" s="13">
        <v>17</v>
      </c>
      <c r="Q44" s="75">
        <v>9</v>
      </c>
      <c r="R44" s="74">
        <v>7</v>
      </c>
      <c r="S44" s="13">
        <v>22</v>
      </c>
      <c r="T44" s="75">
        <v>11</v>
      </c>
      <c r="U44" s="75">
        <v>0</v>
      </c>
      <c r="V44" s="76">
        <v>25</v>
      </c>
      <c r="W44" s="65">
        <v>76</v>
      </c>
      <c r="X44" s="67">
        <v>73</v>
      </c>
    </row>
    <row r="45" spans="1:24" s="79" customFormat="1" ht="15" customHeight="1" x14ac:dyDescent="0.15">
      <c r="A45" s="77"/>
      <c r="B45" s="78" t="s">
        <v>61</v>
      </c>
      <c r="C45" s="78"/>
      <c r="D45" s="78"/>
      <c r="E45" s="78"/>
      <c r="F45" s="78"/>
      <c r="G45" s="78"/>
      <c r="H45" s="78"/>
      <c r="I45" s="78"/>
      <c r="J45" s="78"/>
      <c r="K45" s="78"/>
      <c r="L45" s="78"/>
      <c r="M45" s="78"/>
      <c r="N45" s="78"/>
      <c r="O45" s="78"/>
      <c r="P45" s="78"/>
      <c r="Q45" s="78"/>
      <c r="R45" s="78"/>
      <c r="S45" s="78"/>
      <c r="T45" s="78"/>
      <c r="U45" s="78"/>
    </row>
    <row r="46" spans="1:24" s="79" customFormat="1" ht="15" customHeight="1" x14ac:dyDescent="0.15">
      <c r="A46" s="78"/>
      <c r="B46" s="78" t="s">
        <v>62</v>
      </c>
      <c r="C46" s="78"/>
      <c r="D46" s="78"/>
      <c r="E46" s="78"/>
      <c r="F46" s="78"/>
      <c r="G46" s="78"/>
      <c r="H46" s="78"/>
      <c r="I46" s="78"/>
      <c r="J46" s="78"/>
      <c r="K46" s="78"/>
      <c r="L46" s="78"/>
      <c r="M46" s="78"/>
      <c r="N46" s="78"/>
      <c r="O46" s="78"/>
      <c r="P46" s="78"/>
      <c r="Q46" s="78"/>
      <c r="R46" s="78"/>
      <c r="S46" s="78"/>
      <c r="T46" s="78"/>
      <c r="U46" s="78"/>
    </row>
    <row r="47" spans="1:24" s="79" customFormat="1" ht="15" customHeight="1" x14ac:dyDescent="0.15">
      <c r="A47" s="77" t="s">
        <v>63</v>
      </c>
      <c r="B47" s="78" t="s">
        <v>64</v>
      </c>
      <c r="C47" s="78"/>
      <c r="D47" s="78"/>
      <c r="E47" s="78"/>
      <c r="F47" s="78"/>
      <c r="G47" s="78"/>
      <c r="H47" s="78"/>
      <c r="I47" s="78"/>
      <c r="J47" s="78"/>
      <c r="K47" s="78"/>
      <c r="L47" s="78"/>
      <c r="M47" s="78"/>
      <c r="N47" s="78"/>
      <c r="O47" s="78"/>
      <c r="P47" s="78"/>
      <c r="Q47" s="78"/>
      <c r="R47" s="78"/>
      <c r="S47" s="78"/>
      <c r="T47" s="78"/>
      <c r="U47" s="78"/>
    </row>
    <row r="48" spans="1:24" s="79" customFormat="1" ht="15" customHeight="1" x14ac:dyDescent="0.15">
      <c r="B48" s="78" t="s">
        <v>65</v>
      </c>
    </row>
    <row r="59" spans="1:1" ht="16.5" customHeight="1" x14ac:dyDescent="0.15">
      <c r="A59" s="80"/>
    </row>
  </sheetData>
  <mergeCells count="20">
    <mergeCell ref="X6:X8"/>
    <mergeCell ref="B6:E7"/>
    <mergeCell ref="F6:H7"/>
    <mergeCell ref="I6:I8"/>
    <mergeCell ref="J6:J8"/>
    <mergeCell ref="K6:K8"/>
    <mergeCell ref="L6:O7"/>
    <mergeCell ref="P6:R7"/>
    <mergeCell ref="S6:S8"/>
    <mergeCell ref="T6:T8"/>
    <mergeCell ref="U6:U8"/>
    <mergeCell ref="V6:W8"/>
    <mergeCell ref="B4:K4"/>
    <mergeCell ref="L4:U4"/>
    <mergeCell ref="V4:X4"/>
    <mergeCell ref="B5:H5"/>
    <mergeCell ref="I5:K5"/>
    <mergeCell ref="L5:R5"/>
    <mergeCell ref="S5:U5"/>
    <mergeCell ref="W5:X5"/>
  </mergeCells>
  <phoneticPr fontId="2"/>
  <pageMargins left="0.59055118110236227" right="0.59055118110236227" top="0.78740157480314965" bottom="0.78740157480314965" header="0.51181102362204722" footer="0.39370078740157483"/>
  <pageSetup paperSize="9" scale="97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6"/>
  <dimension ref="A1:Q56"/>
  <sheetViews>
    <sheetView zoomScaleNormal="100" zoomScaleSheetLayoutView="100" workbookViewId="0">
      <pane xSplit="1" ySplit="7" topLeftCell="B27" activePane="bottomRight" state="frozen"/>
      <selection activeCell="B10" sqref="B10"/>
      <selection pane="topRight" activeCell="B10" sqref="B10"/>
      <selection pane="bottomLeft" activeCell="B10" sqref="B10"/>
      <selection pane="bottomRight" activeCell="N20" sqref="N20"/>
    </sheetView>
  </sheetViews>
  <sheetFormatPr defaultColWidth="9" defaultRowHeight="16.5" customHeight="1" x14ac:dyDescent="0.15"/>
  <cols>
    <col min="1" max="1" width="17.625" style="9" customWidth="1"/>
    <col min="2" max="2" width="14.125" style="9" customWidth="1"/>
    <col min="3" max="3" width="14.125" style="81" customWidth="1"/>
    <col min="4" max="4" width="8.625" style="82" customWidth="1"/>
    <col min="5" max="5" width="3.625" style="2" customWidth="1"/>
    <col min="6" max="6" width="9.875" style="2" customWidth="1"/>
    <col min="7" max="7" width="8.625" style="82" customWidth="1"/>
    <col min="8" max="8" width="14.125" style="2" customWidth="1"/>
    <col min="9" max="9" width="8.625" style="82" customWidth="1"/>
    <col min="10" max="10" width="14.625" style="2" customWidth="1"/>
    <col min="11" max="11" width="8.625" style="82" customWidth="1"/>
    <col min="12" max="12" width="14.625" style="2" customWidth="1"/>
    <col min="13" max="13" width="8.625" style="82" customWidth="1"/>
    <col min="14" max="14" width="14.625" style="2" customWidth="1"/>
    <col min="15" max="15" width="8.625" style="82" customWidth="1"/>
    <col min="16" max="16" width="15.125" style="2" customWidth="1"/>
    <col min="17" max="17" width="8.625" style="82" customWidth="1"/>
    <col min="18" max="16384" width="9" style="2"/>
  </cols>
  <sheetData>
    <row r="1" spans="1:17" ht="12" customHeight="1" x14ac:dyDescent="0.15"/>
    <row r="2" spans="1:17" ht="13.5" customHeight="1" x14ac:dyDescent="0.15">
      <c r="A2" s="3"/>
      <c r="B2" s="3"/>
      <c r="C2" s="3"/>
      <c r="D2" s="83"/>
      <c r="E2" s="3"/>
      <c r="F2" s="1"/>
      <c r="G2" s="83"/>
      <c r="L2" s="84"/>
      <c r="M2" s="85"/>
      <c r="N2" s="84"/>
      <c r="O2" s="85"/>
      <c r="Q2" s="86" t="s">
        <v>66</v>
      </c>
    </row>
    <row r="3" spans="1:17" s="6" customFormat="1" ht="16.5" customHeight="1" thickBot="1" x14ac:dyDescent="0.2">
      <c r="A3" s="5" t="s">
        <v>67</v>
      </c>
      <c r="B3" s="87"/>
      <c r="C3" s="88"/>
      <c r="D3" s="89"/>
      <c r="E3" s="7"/>
      <c r="F3" s="7"/>
      <c r="G3" s="90"/>
      <c r="I3" s="90"/>
      <c r="K3" s="90"/>
      <c r="M3" s="90"/>
      <c r="O3" s="90"/>
      <c r="Q3" s="91" t="s">
        <v>211</v>
      </c>
    </row>
    <row r="4" spans="1:17" s="81" customFormat="1" ht="16.5" customHeight="1" thickBot="1" x14ac:dyDescent="0.2">
      <c r="A4" s="92"/>
      <c r="B4" s="93" t="s">
        <v>68</v>
      </c>
      <c r="C4" s="94"/>
      <c r="D4" s="95"/>
      <c r="E4" s="94"/>
      <c r="F4" s="94"/>
      <c r="G4" s="95"/>
      <c r="H4" s="94"/>
      <c r="I4" s="95"/>
      <c r="J4" s="96"/>
      <c r="K4" s="97"/>
      <c r="L4" s="96"/>
      <c r="M4" s="97"/>
      <c r="N4" s="96"/>
      <c r="O4" s="98"/>
      <c r="P4" s="93" t="s">
        <v>69</v>
      </c>
      <c r="Q4" s="99"/>
    </row>
    <row r="5" spans="1:17" s="81" customFormat="1" ht="16.5" customHeight="1" x14ac:dyDescent="0.15">
      <c r="A5" s="433" t="s">
        <v>70</v>
      </c>
      <c r="B5" s="100" t="s">
        <v>71</v>
      </c>
      <c r="C5" s="434" t="s">
        <v>72</v>
      </c>
      <c r="D5" s="435"/>
      <c r="E5" s="435"/>
      <c r="F5" s="435"/>
      <c r="G5" s="435"/>
      <c r="H5" s="435"/>
      <c r="I5" s="436"/>
      <c r="J5" s="434" t="s">
        <v>73</v>
      </c>
      <c r="K5" s="437"/>
      <c r="L5" s="437"/>
      <c r="M5" s="437"/>
      <c r="N5" s="437"/>
      <c r="O5" s="438"/>
      <c r="P5" s="101" t="s">
        <v>74</v>
      </c>
      <c r="Q5" s="102"/>
    </row>
    <row r="6" spans="1:17" s="81" customFormat="1" ht="16.5" customHeight="1" x14ac:dyDescent="0.15">
      <c r="A6" s="433"/>
      <c r="B6" s="100" t="s">
        <v>75</v>
      </c>
      <c r="C6" s="103" t="s">
        <v>76</v>
      </c>
      <c r="D6" s="104"/>
      <c r="E6" s="105" t="s">
        <v>77</v>
      </c>
      <c r="G6" s="104"/>
      <c r="H6" s="106" t="s">
        <v>78</v>
      </c>
      <c r="I6" s="439" t="s">
        <v>79</v>
      </c>
      <c r="J6" s="103" t="s">
        <v>80</v>
      </c>
      <c r="K6" s="104"/>
      <c r="L6" s="105" t="s">
        <v>81</v>
      </c>
      <c r="M6" s="104"/>
      <c r="N6" s="106" t="s">
        <v>82</v>
      </c>
      <c r="O6" s="439" t="s">
        <v>79</v>
      </c>
      <c r="P6" s="107" t="s">
        <v>83</v>
      </c>
      <c r="Q6" s="108" t="s">
        <v>84</v>
      </c>
    </row>
    <row r="7" spans="1:17" s="81" customFormat="1" ht="16.5" customHeight="1" thickBot="1" x14ac:dyDescent="0.2">
      <c r="A7" s="109"/>
      <c r="B7" s="110" t="s">
        <v>85</v>
      </c>
      <c r="C7" s="111" t="s">
        <v>86</v>
      </c>
      <c r="D7" s="112" t="s">
        <v>79</v>
      </c>
      <c r="E7" s="441" t="s">
        <v>87</v>
      </c>
      <c r="F7" s="442"/>
      <c r="G7" s="112" t="s">
        <v>79</v>
      </c>
      <c r="H7" s="113" t="s">
        <v>88</v>
      </c>
      <c r="I7" s="440"/>
      <c r="J7" s="111" t="s">
        <v>89</v>
      </c>
      <c r="K7" s="112" t="s">
        <v>79</v>
      </c>
      <c r="L7" s="113" t="s">
        <v>90</v>
      </c>
      <c r="M7" s="112" t="s">
        <v>79</v>
      </c>
      <c r="N7" s="113" t="s">
        <v>91</v>
      </c>
      <c r="O7" s="440"/>
      <c r="P7" s="114" t="s">
        <v>89</v>
      </c>
      <c r="Q7" s="115" t="s">
        <v>92</v>
      </c>
    </row>
    <row r="8" spans="1:17" ht="20.25" customHeight="1" x14ac:dyDescent="0.15">
      <c r="A8" s="116" t="s">
        <v>25</v>
      </c>
      <c r="B8" s="117">
        <v>3771063</v>
      </c>
      <c r="C8" s="118">
        <v>3758735</v>
      </c>
      <c r="D8" s="119">
        <v>99.673089524094408</v>
      </c>
      <c r="E8" s="120"/>
      <c r="F8" s="121">
        <v>7587</v>
      </c>
      <c r="G8" s="122">
        <v>0.20118995625371416</v>
      </c>
      <c r="H8" s="123">
        <v>3766322</v>
      </c>
      <c r="I8" s="124">
        <v>99.874279480348122</v>
      </c>
      <c r="J8" s="125">
        <v>4741</v>
      </c>
      <c r="K8" s="119">
        <v>0.12572051965188596</v>
      </c>
      <c r="L8" s="126">
        <v>0</v>
      </c>
      <c r="M8" s="119">
        <v>0</v>
      </c>
      <c r="N8" s="126">
        <v>4741</v>
      </c>
      <c r="O8" s="127">
        <v>0.12572051965188596</v>
      </c>
      <c r="P8" s="128">
        <v>12328</v>
      </c>
      <c r="Q8" s="127">
        <v>0.32691047590560007</v>
      </c>
    </row>
    <row r="9" spans="1:17" ht="20.25" customHeight="1" x14ac:dyDescent="0.15">
      <c r="A9" s="129" t="s">
        <v>26</v>
      </c>
      <c r="B9" s="130">
        <v>1551788</v>
      </c>
      <c r="C9" s="131">
        <v>1545358</v>
      </c>
      <c r="D9" s="132">
        <v>99.58563927546804</v>
      </c>
      <c r="E9" s="133"/>
      <c r="F9" s="134">
        <v>5138</v>
      </c>
      <c r="G9" s="132">
        <v>0.33110192887172735</v>
      </c>
      <c r="H9" s="135">
        <v>1550496</v>
      </c>
      <c r="I9" s="136">
        <v>99.916741204339772</v>
      </c>
      <c r="J9" s="137">
        <v>1292</v>
      </c>
      <c r="K9" s="132">
        <v>8.3258795660231935E-2</v>
      </c>
      <c r="L9" s="138">
        <v>0</v>
      </c>
      <c r="M9" s="132">
        <v>0</v>
      </c>
      <c r="N9" s="138">
        <v>1292</v>
      </c>
      <c r="O9" s="136">
        <v>8.3258795660231935E-2</v>
      </c>
      <c r="P9" s="137">
        <v>6430</v>
      </c>
      <c r="Q9" s="136">
        <v>0.41436072453195927</v>
      </c>
    </row>
    <row r="10" spans="1:17" ht="20.25" customHeight="1" x14ac:dyDescent="0.15">
      <c r="A10" s="139" t="s">
        <v>27</v>
      </c>
      <c r="B10" s="140">
        <v>723586</v>
      </c>
      <c r="C10" s="141">
        <v>701791</v>
      </c>
      <c r="D10" s="142">
        <v>96.987918505885958</v>
      </c>
      <c r="E10" s="133"/>
      <c r="F10" s="134">
        <v>19663</v>
      </c>
      <c r="G10" s="142">
        <v>2.7174378719322925</v>
      </c>
      <c r="H10" s="135">
        <v>721454</v>
      </c>
      <c r="I10" s="143">
        <v>99.705356377818248</v>
      </c>
      <c r="J10" s="128">
        <v>2132</v>
      </c>
      <c r="K10" s="142">
        <v>0.29464362218174484</v>
      </c>
      <c r="L10" s="138">
        <v>0</v>
      </c>
      <c r="M10" s="142">
        <v>0</v>
      </c>
      <c r="N10" s="138">
        <v>2132</v>
      </c>
      <c r="O10" s="136">
        <v>0.29464362218174484</v>
      </c>
      <c r="P10" s="137">
        <v>21795</v>
      </c>
      <c r="Q10" s="136">
        <v>3.0120814941140375</v>
      </c>
    </row>
    <row r="11" spans="1:17" ht="20.25" customHeight="1" x14ac:dyDescent="0.15">
      <c r="A11" s="139" t="s">
        <v>28</v>
      </c>
      <c r="B11" s="144">
        <v>371241</v>
      </c>
      <c r="C11" s="131">
        <v>354025</v>
      </c>
      <c r="D11" s="132">
        <v>95.362581180419198</v>
      </c>
      <c r="E11" s="133"/>
      <c r="F11" s="134">
        <v>16849</v>
      </c>
      <c r="G11" s="132">
        <v>4.5385612041773404</v>
      </c>
      <c r="H11" s="135">
        <v>370874</v>
      </c>
      <c r="I11" s="136">
        <v>99.90114238459654</v>
      </c>
      <c r="J11" s="137">
        <v>367</v>
      </c>
      <c r="K11" s="132">
        <v>9.8857615403471072E-2</v>
      </c>
      <c r="L11" s="138">
        <v>0</v>
      </c>
      <c r="M11" s="132">
        <v>0</v>
      </c>
      <c r="N11" s="138">
        <v>367</v>
      </c>
      <c r="O11" s="136">
        <v>9.8857615403471072E-2</v>
      </c>
      <c r="P11" s="137">
        <v>17216</v>
      </c>
      <c r="Q11" s="136">
        <v>4.6374188195808115</v>
      </c>
    </row>
    <row r="12" spans="1:17" ht="20.25" customHeight="1" thickBot="1" x14ac:dyDescent="0.2">
      <c r="A12" s="145" t="s">
        <v>29</v>
      </c>
      <c r="B12" s="146">
        <v>258380</v>
      </c>
      <c r="C12" s="147">
        <v>251678</v>
      </c>
      <c r="D12" s="148">
        <v>97.40614598653147</v>
      </c>
      <c r="E12" s="149"/>
      <c r="F12" s="150">
        <v>6393</v>
      </c>
      <c r="G12" s="148">
        <v>2.4742627138323403</v>
      </c>
      <c r="H12" s="151">
        <v>258071</v>
      </c>
      <c r="I12" s="152">
        <v>99.880408700363816</v>
      </c>
      <c r="J12" s="153">
        <v>309</v>
      </c>
      <c r="K12" s="148">
        <v>0.11959129963619475</v>
      </c>
      <c r="L12" s="154">
        <v>0</v>
      </c>
      <c r="M12" s="148">
        <v>0</v>
      </c>
      <c r="N12" s="154">
        <v>309</v>
      </c>
      <c r="O12" s="155">
        <v>0.11959129963619475</v>
      </c>
      <c r="P12" s="156">
        <v>6702</v>
      </c>
      <c r="Q12" s="155">
        <v>2.5938540134685346</v>
      </c>
    </row>
    <row r="13" spans="1:17" ht="20.25" customHeight="1" x14ac:dyDescent="0.15">
      <c r="A13" s="157" t="s">
        <v>30</v>
      </c>
      <c r="B13" s="140">
        <v>170206</v>
      </c>
      <c r="C13" s="141">
        <v>156097</v>
      </c>
      <c r="D13" s="142">
        <v>91.710632997661662</v>
      </c>
      <c r="E13" s="120"/>
      <c r="F13" s="121">
        <v>13947</v>
      </c>
      <c r="G13" s="142">
        <v>8.1941882189817044</v>
      </c>
      <c r="H13" s="158">
        <v>170044</v>
      </c>
      <c r="I13" s="143">
        <v>99.90482121664337</v>
      </c>
      <c r="J13" s="128">
        <v>162</v>
      </c>
      <c r="K13" s="142">
        <v>9.517878335663843E-2</v>
      </c>
      <c r="L13" s="126">
        <v>0</v>
      </c>
      <c r="M13" s="142">
        <v>0</v>
      </c>
      <c r="N13" s="126">
        <v>162</v>
      </c>
      <c r="O13" s="127">
        <v>9.517878335663843E-2</v>
      </c>
      <c r="P13" s="159">
        <v>14109</v>
      </c>
      <c r="Q13" s="127">
        <v>8.2893670023383415</v>
      </c>
    </row>
    <row r="14" spans="1:17" ht="20.25" customHeight="1" x14ac:dyDescent="0.15">
      <c r="A14" s="139" t="s">
        <v>31</v>
      </c>
      <c r="B14" s="144">
        <v>443757</v>
      </c>
      <c r="C14" s="131">
        <v>427473</v>
      </c>
      <c r="D14" s="132">
        <v>96.330424083451078</v>
      </c>
      <c r="E14" s="133"/>
      <c r="F14" s="134">
        <v>15420</v>
      </c>
      <c r="G14" s="132">
        <v>3.4748747625389571</v>
      </c>
      <c r="H14" s="135">
        <v>442893</v>
      </c>
      <c r="I14" s="136">
        <v>99.805298845990038</v>
      </c>
      <c r="J14" s="137">
        <v>864</v>
      </c>
      <c r="K14" s="132">
        <v>0.19470115400996491</v>
      </c>
      <c r="L14" s="138">
        <v>0</v>
      </c>
      <c r="M14" s="132">
        <v>0</v>
      </c>
      <c r="N14" s="138">
        <v>864</v>
      </c>
      <c r="O14" s="136">
        <v>0.19470115400996491</v>
      </c>
      <c r="P14" s="137">
        <v>16284</v>
      </c>
      <c r="Q14" s="136">
        <v>3.6695759165489221</v>
      </c>
    </row>
    <row r="15" spans="1:17" ht="20.25" customHeight="1" x14ac:dyDescent="0.15">
      <c r="A15" s="139" t="s">
        <v>32</v>
      </c>
      <c r="B15" s="140">
        <v>185926</v>
      </c>
      <c r="C15" s="131">
        <v>147462</v>
      </c>
      <c r="D15" s="132">
        <v>79.312199477211365</v>
      </c>
      <c r="E15" s="133"/>
      <c r="F15" s="134">
        <v>37238</v>
      </c>
      <c r="G15" s="160">
        <v>20.0283983950604</v>
      </c>
      <c r="H15" s="135">
        <v>184700</v>
      </c>
      <c r="I15" s="136">
        <v>99.340597872271758</v>
      </c>
      <c r="J15" s="137">
        <v>1226</v>
      </c>
      <c r="K15" s="132">
        <v>0.65940212772823592</v>
      </c>
      <c r="L15" s="138">
        <v>0</v>
      </c>
      <c r="M15" s="132">
        <v>0</v>
      </c>
      <c r="N15" s="138">
        <v>1226</v>
      </c>
      <c r="O15" s="136">
        <v>0.65940212772823592</v>
      </c>
      <c r="P15" s="137">
        <v>38464</v>
      </c>
      <c r="Q15" s="136">
        <v>20.687800522788635</v>
      </c>
    </row>
    <row r="16" spans="1:17" ht="20.25" customHeight="1" x14ac:dyDescent="0.15">
      <c r="A16" s="139" t="s">
        <v>33</v>
      </c>
      <c r="B16" s="144">
        <v>245419</v>
      </c>
      <c r="C16" s="131">
        <v>233560</v>
      </c>
      <c r="D16" s="132">
        <v>95.167855789486552</v>
      </c>
      <c r="E16" s="133"/>
      <c r="F16" s="134">
        <v>11428</v>
      </c>
      <c r="G16" s="132">
        <v>4.6565261858291329</v>
      </c>
      <c r="H16" s="135">
        <v>244988</v>
      </c>
      <c r="I16" s="136">
        <v>99.824381975315688</v>
      </c>
      <c r="J16" s="137">
        <v>431</v>
      </c>
      <c r="K16" s="132">
        <v>0.17561802468431539</v>
      </c>
      <c r="L16" s="138">
        <v>0</v>
      </c>
      <c r="M16" s="132">
        <v>0</v>
      </c>
      <c r="N16" s="138">
        <v>431</v>
      </c>
      <c r="O16" s="136">
        <v>0.17561802468431539</v>
      </c>
      <c r="P16" s="137">
        <v>11859</v>
      </c>
      <c r="Q16" s="136">
        <v>4.832144210513448</v>
      </c>
    </row>
    <row r="17" spans="1:17" ht="20.25" customHeight="1" thickBot="1" x14ac:dyDescent="0.2">
      <c r="A17" s="145" t="s">
        <v>34</v>
      </c>
      <c r="B17" s="146">
        <v>58488</v>
      </c>
      <c r="C17" s="147">
        <v>58347</v>
      </c>
      <c r="D17" s="148">
        <v>99.758924907673375</v>
      </c>
      <c r="E17" s="149"/>
      <c r="F17" s="150">
        <v>95</v>
      </c>
      <c r="G17" s="148">
        <v>0.16242648064560253</v>
      </c>
      <c r="H17" s="151">
        <v>58442</v>
      </c>
      <c r="I17" s="152">
        <v>99.921351388318982</v>
      </c>
      <c r="J17" s="153">
        <v>46</v>
      </c>
      <c r="K17" s="148">
        <v>7.8648611681028588E-2</v>
      </c>
      <c r="L17" s="161">
        <v>0</v>
      </c>
      <c r="M17" s="148">
        <v>0</v>
      </c>
      <c r="N17" s="161">
        <v>46</v>
      </c>
      <c r="O17" s="152">
        <v>7.8648611681028588E-2</v>
      </c>
      <c r="P17" s="153">
        <v>141</v>
      </c>
      <c r="Q17" s="152">
        <v>0.24107509232663113</v>
      </c>
    </row>
    <row r="18" spans="1:17" ht="20.25" customHeight="1" x14ac:dyDescent="0.15">
      <c r="A18" s="157" t="s">
        <v>35</v>
      </c>
      <c r="B18" s="140">
        <v>39547</v>
      </c>
      <c r="C18" s="141">
        <v>13139</v>
      </c>
      <c r="D18" s="142">
        <v>33.223759071484565</v>
      </c>
      <c r="E18" s="162"/>
      <c r="F18" s="121">
        <v>24090</v>
      </c>
      <c r="G18" s="142">
        <v>60.914860798543501</v>
      </c>
      <c r="H18" s="158">
        <v>37229</v>
      </c>
      <c r="I18" s="143">
        <v>94.138619870028066</v>
      </c>
      <c r="J18" s="128">
        <v>2318</v>
      </c>
      <c r="K18" s="142">
        <v>5.8613801299719315</v>
      </c>
      <c r="L18" s="163">
        <v>0</v>
      </c>
      <c r="M18" s="142">
        <v>0</v>
      </c>
      <c r="N18" s="163">
        <v>2318</v>
      </c>
      <c r="O18" s="143">
        <v>5.8613801299719315</v>
      </c>
      <c r="P18" s="128">
        <v>26408</v>
      </c>
      <c r="Q18" s="143">
        <v>66.776240928515435</v>
      </c>
    </row>
    <row r="19" spans="1:17" ht="20.25" customHeight="1" x14ac:dyDescent="0.15">
      <c r="A19" s="139" t="s">
        <v>36</v>
      </c>
      <c r="B19" s="144">
        <v>160656</v>
      </c>
      <c r="C19" s="131">
        <v>132362</v>
      </c>
      <c r="D19" s="132">
        <v>82.388457324967632</v>
      </c>
      <c r="E19" s="133"/>
      <c r="F19" s="134">
        <v>27960</v>
      </c>
      <c r="G19" s="132">
        <v>17.40364505527338</v>
      </c>
      <c r="H19" s="135">
        <v>160322</v>
      </c>
      <c r="I19" s="136">
        <v>99.792102380241005</v>
      </c>
      <c r="J19" s="137">
        <v>327</v>
      </c>
      <c r="K19" s="132">
        <v>0.20354048401553632</v>
      </c>
      <c r="L19" s="138">
        <v>7</v>
      </c>
      <c r="M19" s="132">
        <v>4.3571357434518477E-3</v>
      </c>
      <c r="N19" s="138">
        <v>334</v>
      </c>
      <c r="O19" s="136">
        <v>0.20789761975898816</v>
      </c>
      <c r="P19" s="137">
        <v>28287</v>
      </c>
      <c r="Q19" s="136">
        <v>17.607185539288917</v>
      </c>
    </row>
    <row r="20" spans="1:17" ht="20.25" customHeight="1" x14ac:dyDescent="0.15">
      <c r="A20" s="139" t="s">
        <v>37</v>
      </c>
      <c r="B20" s="140">
        <v>223704</v>
      </c>
      <c r="C20" s="131">
        <v>200176</v>
      </c>
      <c r="D20" s="132">
        <v>89.48253048671458</v>
      </c>
      <c r="E20" s="133"/>
      <c r="F20" s="134">
        <v>18999</v>
      </c>
      <c r="G20" s="132">
        <v>8.4929192146765367</v>
      </c>
      <c r="H20" s="135">
        <v>219175</v>
      </c>
      <c r="I20" s="136">
        <v>97.975449701391113</v>
      </c>
      <c r="J20" s="137">
        <v>4529</v>
      </c>
      <c r="K20" s="132">
        <v>2.0245502986088759</v>
      </c>
      <c r="L20" s="138">
        <v>0</v>
      </c>
      <c r="M20" s="132">
        <v>0</v>
      </c>
      <c r="N20" s="138">
        <v>4529</v>
      </c>
      <c r="O20" s="136">
        <v>2.0245502986088759</v>
      </c>
      <c r="P20" s="137">
        <v>23528</v>
      </c>
      <c r="Q20" s="136">
        <v>10.517469513285413</v>
      </c>
    </row>
    <row r="21" spans="1:17" ht="20.25" customHeight="1" x14ac:dyDescent="0.15">
      <c r="A21" s="139" t="s">
        <v>38</v>
      </c>
      <c r="B21" s="144">
        <v>244113</v>
      </c>
      <c r="C21" s="131">
        <v>232602</v>
      </c>
      <c r="D21" s="132">
        <v>95.284560838628011</v>
      </c>
      <c r="E21" s="133"/>
      <c r="F21" s="134">
        <v>11250</v>
      </c>
      <c r="G21" s="132">
        <v>4.6085214634206295</v>
      </c>
      <c r="H21" s="135">
        <v>243852</v>
      </c>
      <c r="I21" s="136">
        <v>99.89308230204864</v>
      </c>
      <c r="J21" s="137">
        <v>261</v>
      </c>
      <c r="K21" s="132">
        <v>0.1069176979513586</v>
      </c>
      <c r="L21" s="138">
        <v>0</v>
      </c>
      <c r="M21" s="132">
        <v>0</v>
      </c>
      <c r="N21" s="138">
        <v>261</v>
      </c>
      <c r="O21" s="136">
        <v>0.1069176979513586</v>
      </c>
      <c r="P21" s="137">
        <v>11511</v>
      </c>
      <c r="Q21" s="136">
        <v>4.7154391613719877</v>
      </c>
    </row>
    <row r="22" spans="1:17" ht="20.25" customHeight="1" thickBot="1" x14ac:dyDescent="0.2">
      <c r="A22" s="145" t="s">
        <v>39</v>
      </c>
      <c r="B22" s="146">
        <v>101284</v>
      </c>
      <c r="C22" s="147">
        <v>78716</v>
      </c>
      <c r="D22" s="148">
        <v>77.718099601121608</v>
      </c>
      <c r="E22" s="149"/>
      <c r="F22" s="150">
        <v>21892</v>
      </c>
      <c r="G22" s="148">
        <v>21.614470202598635</v>
      </c>
      <c r="H22" s="151">
        <v>100608</v>
      </c>
      <c r="I22" s="152">
        <v>99.332569803720247</v>
      </c>
      <c r="J22" s="153">
        <v>676</v>
      </c>
      <c r="K22" s="148">
        <v>0.66743019627976785</v>
      </c>
      <c r="L22" s="161">
        <v>0</v>
      </c>
      <c r="M22" s="148">
        <v>0</v>
      </c>
      <c r="N22" s="154">
        <v>676</v>
      </c>
      <c r="O22" s="155">
        <v>0.66743019627976785</v>
      </c>
      <c r="P22" s="156">
        <v>22568</v>
      </c>
      <c r="Q22" s="155">
        <v>22.281900398878403</v>
      </c>
    </row>
    <row r="23" spans="1:17" ht="20.25" customHeight="1" x14ac:dyDescent="0.15">
      <c r="A23" s="157" t="s">
        <v>40</v>
      </c>
      <c r="B23" s="140">
        <v>141276</v>
      </c>
      <c r="C23" s="141">
        <v>133900</v>
      </c>
      <c r="D23" s="142">
        <v>94.779014128372836</v>
      </c>
      <c r="E23" s="120"/>
      <c r="F23" s="121">
        <v>7254</v>
      </c>
      <c r="G23" s="142">
        <v>5.1346300857895182</v>
      </c>
      <c r="H23" s="158">
        <v>141154</v>
      </c>
      <c r="I23" s="143">
        <v>99.91364421416236</v>
      </c>
      <c r="J23" s="128">
        <v>122</v>
      </c>
      <c r="K23" s="142">
        <v>8.6355785837651119E-2</v>
      </c>
      <c r="L23" s="164">
        <v>0</v>
      </c>
      <c r="M23" s="142">
        <v>0</v>
      </c>
      <c r="N23" s="126">
        <v>122</v>
      </c>
      <c r="O23" s="127">
        <v>8.6355785837651119E-2</v>
      </c>
      <c r="P23" s="159">
        <v>7376</v>
      </c>
      <c r="Q23" s="127">
        <v>5.2209858716271693</v>
      </c>
    </row>
    <row r="24" spans="1:17" ht="20.25" customHeight="1" x14ac:dyDescent="0.15">
      <c r="A24" s="139" t="s">
        <v>41</v>
      </c>
      <c r="B24" s="144">
        <v>131838</v>
      </c>
      <c r="C24" s="131">
        <v>125502</v>
      </c>
      <c r="D24" s="132">
        <v>95.194101852273249</v>
      </c>
      <c r="E24" s="133"/>
      <c r="F24" s="134">
        <v>6189</v>
      </c>
      <c r="G24" s="132">
        <v>4.6943976698675653</v>
      </c>
      <c r="H24" s="135">
        <v>131691</v>
      </c>
      <c r="I24" s="136">
        <v>99.888499522140819</v>
      </c>
      <c r="J24" s="137">
        <v>147</v>
      </c>
      <c r="K24" s="132">
        <v>0.11150047785919083</v>
      </c>
      <c r="L24" s="138">
        <v>0</v>
      </c>
      <c r="M24" s="132">
        <v>0</v>
      </c>
      <c r="N24" s="138">
        <v>147</v>
      </c>
      <c r="O24" s="136">
        <v>0.11150047785919083</v>
      </c>
      <c r="P24" s="137">
        <v>6336</v>
      </c>
      <c r="Q24" s="136">
        <v>4.8058981477267553</v>
      </c>
    </row>
    <row r="25" spans="1:17" ht="20.25" customHeight="1" x14ac:dyDescent="0.15">
      <c r="A25" s="139" t="s">
        <v>42</v>
      </c>
      <c r="B25" s="144">
        <v>39358</v>
      </c>
      <c r="C25" s="131">
        <v>29707</v>
      </c>
      <c r="D25" s="132">
        <v>75.478936937852538</v>
      </c>
      <c r="E25" s="133"/>
      <c r="F25" s="134">
        <v>9435</v>
      </c>
      <c r="G25" s="132">
        <v>23.972254687738197</v>
      </c>
      <c r="H25" s="135">
        <v>39142</v>
      </c>
      <c r="I25" s="136">
        <v>99.451191625590738</v>
      </c>
      <c r="J25" s="137">
        <v>216</v>
      </c>
      <c r="K25" s="132">
        <v>0.54880837440926877</v>
      </c>
      <c r="L25" s="138">
        <v>0</v>
      </c>
      <c r="M25" s="132">
        <v>0</v>
      </c>
      <c r="N25" s="138">
        <v>216</v>
      </c>
      <c r="O25" s="136">
        <v>0.54880837440926877</v>
      </c>
      <c r="P25" s="137">
        <v>9651</v>
      </c>
      <c r="Q25" s="136">
        <v>24.521063062147466</v>
      </c>
    </row>
    <row r="26" spans="1:17" ht="20.25" customHeight="1" thickBot="1" x14ac:dyDescent="0.2">
      <c r="A26" s="165" t="s">
        <v>43</v>
      </c>
      <c r="B26" s="140">
        <v>82830</v>
      </c>
      <c r="C26" s="166">
        <v>78339</v>
      </c>
      <c r="D26" s="167">
        <v>94.578051430641068</v>
      </c>
      <c r="E26" s="149"/>
      <c r="F26" s="150">
        <v>4251</v>
      </c>
      <c r="G26" s="167">
        <v>5.1321984788120245</v>
      </c>
      <c r="H26" s="168">
        <v>82590</v>
      </c>
      <c r="I26" s="155">
        <v>99.710249909453097</v>
      </c>
      <c r="J26" s="156">
        <v>240</v>
      </c>
      <c r="K26" s="167">
        <v>0.28975009054690332</v>
      </c>
      <c r="L26" s="161">
        <v>0</v>
      </c>
      <c r="M26" s="167">
        <v>0</v>
      </c>
      <c r="N26" s="161">
        <v>240</v>
      </c>
      <c r="O26" s="152">
        <v>0.28975009054690332</v>
      </c>
      <c r="P26" s="153">
        <v>4491</v>
      </c>
      <c r="Q26" s="152">
        <v>5.4219485693589284</v>
      </c>
    </row>
    <row r="27" spans="1:17" ht="20.25" customHeight="1" thickBot="1" x14ac:dyDescent="0.2">
      <c r="A27" s="169" t="s">
        <v>93</v>
      </c>
      <c r="B27" s="170">
        <v>8944460</v>
      </c>
      <c r="C27" s="171">
        <v>8658969</v>
      </c>
      <c r="D27" s="172">
        <v>96.808180706269582</v>
      </c>
      <c r="E27" s="173"/>
      <c r="F27" s="174">
        <v>265078</v>
      </c>
      <c r="G27" s="172">
        <v>2.9635998148574649</v>
      </c>
      <c r="H27" s="175">
        <v>8924047</v>
      </c>
      <c r="I27" s="176">
        <v>99.771780521127042</v>
      </c>
      <c r="J27" s="177">
        <v>20406</v>
      </c>
      <c r="K27" s="172">
        <v>0.22814121813949642</v>
      </c>
      <c r="L27" s="178">
        <v>7</v>
      </c>
      <c r="M27" s="172">
        <v>7.8260733459593976E-5</v>
      </c>
      <c r="N27" s="178">
        <v>20413</v>
      </c>
      <c r="O27" s="124">
        <v>0.22821947887295602</v>
      </c>
      <c r="P27" s="179">
        <v>285484</v>
      </c>
      <c r="Q27" s="124">
        <v>3.1917410329969615</v>
      </c>
    </row>
    <row r="28" spans="1:17" ht="20.25" customHeight="1" x14ac:dyDescent="0.15">
      <c r="A28" s="157" t="s">
        <v>45</v>
      </c>
      <c r="B28" s="140">
        <v>30708</v>
      </c>
      <c r="C28" s="141">
        <v>24317</v>
      </c>
      <c r="D28" s="142">
        <v>79.187833789240585</v>
      </c>
      <c r="E28" s="162"/>
      <c r="F28" s="121">
        <v>6328</v>
      </c>
      <c r="G28" s="142">
        <v>20.607007945812168</v>
      </c>
      <c r="H28" s="158">
        <v>30645</v>
      </c>
      <c r="I28" s="143">
        <v>99.794841735052756</v>
      </c>
      <c r="J28" s="128">
        <v>63</v>
      </c>
      <c r="K28" s="142">
        <v>0.20515826494724504</v>
      </c>
      <c r="L28" s="126">
        <v>0</v>
      </c>
      <c r="M28" s="142">
        <v>0</v>
      </c>
      <c r="N28" s="126">
        <v>63</v>
      </c>
      <c r="O28" s="127">
        <v>0.20515826494724504</v>
      </c>
      <c r="P28" s="159">
        <v>6391</v>
      </c>
      <c r="Q28" s="127">
        <v>20.812166210759411</v>
      </c>
    </row>
    <row r="29" spans="1:17" ht="20.25" customHeight="1" x14ac:dyDescent="0.15">
      <c r="A29" s="139" t="s">
        <v>46</v>
      </c>
      <c r="B29" s="144">
        <v>48520</v>
      </c>
      <c r="C29" s="131">
        <v>45003</v>
      </c>
      <c r="D29" s="132">
        <v>92.751442704039562</v>
      </c>
      <c r="E29" s="133"/>
      <c r="F29" s="134">
        <v>3350</v>
      </c>
      <c r="G29" s="132">
        <v>6.90436933223413</v>
      </c>
      <c r="H29" s="135">
        <v>48353</v>
      </c>
      <c r="I29" s="136">
        <v>99.655812036273687</v>
      </c>
      <c r="J29" s="137">
        <v>167</v>
      </c>
      <c r="K29" s="132">
        <v>0.34418796372629845</v>
      </c>
      <c r="L29" s="138">
        <v>0</v>
      </c>
      <c r="M29" s="132">
        <v>0</v>
      </c>
      <c r="N29" s="138">
        <v>167</v>
      </c>
      <c r="O29" s="136">
        <v>0.34418796372629845</v>
      </c>
      <c r="P29" s="137">
        <v>3517</v>
      </c>
      <c r="Q29" s="136">
        <v>7.2485572959604285</v>
      </c>
    </row>
    <row r="30" spans="1:17" ht="20.25" customHeight="1" x14ac:dyDescent="0.15">
      <c r="A30" s="139" t="s">
        <v>47</v>
      </c>
      <c r="B30" s="144">
        <v>30833</v>
      </c>
      <c r="C30" s="131">
        <v>22977</v>
      </c>
      <c r="D30" s="132">
        <v>74.520805630331139</v>
      </c>
      <c r="E30" s="133"/>
      <c r="F30" s="134">
        <v>7691</v>
      </c>
      <c r="G30" s="132">
        <v>24.944053449226477</v>
      </c>
      <c r="H30" s="135">
        <v>30668</v>
      </c>
      <c r="I30" s="136">
        <v>99.464859079557613</v>
      </c>
      <c r="J30" s="137">
        <v>165</v>
      </c>
      <c r="K30" s="132">
        <v>0.53514092044238315</v>
      </c>
      <c r="L30" s="138">
        <v>0</v>
      </c>
      <c r="M30" s="132">
        <v>0</v>
      </c>
      <c r="N30" s="138">
        <v>165</v>
      </c>
      <c r="O30" s="136">
        <v>0.53514092044238315</v>
      </c>
      <c r="P30" s="137">
        <v>7856</v>
      </c>
      <c r="Q30" s="136">
        <v>25.479194369668861</v>
      </c>
    </row>
    <row r="31" spans="1:17" ht="20.25" customHeight="1" thickBot="1" x14ac:dyDescent="0.2">
      <c r="A31" s="145" t="s">
        <v>48</v>
      </c>
      <c r="B31" s="146">
        <v>26685</v>
      </c>
      <c r="C31" s="147">
        <v>21960</v>
      </c>
      <c r="D31" s="148">
        <v>82.293423271500842</v>
      </c>
      <c r="E31" s="149"/>
      <c r="F31" s="150">
        <v>4467</v>
      </c>
      <c r="G31" s="148">
        <v>16.739741427768408</v>
      </c>
      <c r="H31" s="151">
        <v>26427</v>
      </c>
      <c r="I31" s="152">
        <v>99.03316469926925</v>
      </c>
      <c r="J31" s="153">
        <v>258</v>
      </c>
      <c r="K31" s="148">
        <v>0.96683530073074764</v>
      </c>
      <c r="L31" s="161">
        <v>0</v>
      </c>
      <c r="M31" s="148">
        <v>0</v>
      </c>
      <c r="N31" s="161">
        <v>258</v>
      </c>
      <c r="O31" s="152">
        <v>0.96683530073074764</v>
      </c>
      <c r="P31" s="153">
        <v>4725</v>
      </c>
      <c r="Q31" s="152">
        <v>17.706576728499158</v>
      </c>
    </row>
    <row r="32" spans="1:17" ht="20.25" customHeight="1" x14ac:dyDescent="0.15">
      <c r="A32" s="157" t="s">
        <v>94</v>
      </c>
      <c r="B32" s="140">
        <v>8907</v>
      </c>
      <c r="C32" s="141">
        <v>5447</v>
      </c>
      <c r="D32" s="142">
        <v>61.154148422588975</v>
      </c>
      <c r="E32" s="162"/>
      <c r="F32" s="174">
        <v>3379</v>
      </c>
      <c r="G32" s="142">
        <v>37.93645447400921</v>
      </c>
      <c r="H32" s="158">
        <v>8826</v>
      </c>
      <c r="I32" s="143">
        <v>99.090602896598185</v>
      </c>
      <c r="J32" s="128">
        <v>81</v>
      </c>
      <c r="K32" s="142">
        <v>0.9093971034018189</v>
      </c>
      <c r="L32" s="163">
        <v>0</v>
      </c>
      <c r="M32" s="142">
        <v>0</v>
      </c>
      <c r="N32" s="163">
        <v>81</v>
      </c>
      <c r="O32" s="143">
        <v>0.9093971034018189</v>
      </c>
      <c r="P32" s="128">
        <v>3460</v>
      </c>
      <c r="Q32" s="143">
        <v>38.845851577411025</v>
      </c>
    </row>
    <row r="33" spans="1:17" ht="20.25" customHeight="1" x14ac:dyDescent="0.15">
      <c r="A33" s="139" t="s">
        <v>50</v>
      </c>
      <c r="B33" s="144">
        <v>17264</v>
      </c>
      <c r="C33" s="131">
        <v>15426</v>
      </c>
      <c r="D33" s="132">
        <v>89.35356811862836</v>
      </c>
      <c r="E33" s="133"/>
      <c r="F33" s="134">
        <v>1790</v>
      </c>
      <c r="G33" s="132">
        <v>10.368396663577387</v>
      </c>
      <c r="H33" s="135">
        <v>17216</v>
      </c>
      <c r="I33" s="136">
        <v>99.721964782205745</v>
      </c>
      <c r="J33" s="137">
        <v>48</v>
      </c>
      <c r="K33" s="132">
        <v>0.27803521779425394</v>
      </c>
      <c r="L33" s="138">
        <v>0</v>
      </c>
      <c r="M33" s="132">
        <v>0</v>
      </c>
      <c r="N33" s="138">
        <v>48</v>
      </c>
      <c r="O33" s="136">
        <v>0.27803521779425394</v>
      </c>
      <c r="P33" s="137">
        <v>1838</v>
      </c>
      <c r="Q33" s="136">
        <v>10.64643188137164</v>
      </c>
    </row>
    <row r="34" spans="1:17" ht="20.25" customHeight="1" x14ac:dyDescent="0.15">
      <c r="A34" s="139" t="s">
        <v>51</v>
      </c>
      <c r="B34" s="140">
        <v>10271</v>
      </c>
      <c r="C34" s="131">
        <v>8755</v>
      </c>
      <c r="D34" s="132">
        <v>85.239996105539873</v>
      </c>
      <c r="E34" s="133"/>
      <c r="F34" s="134">
        <v>1362</v>
      </c>
      <c r="G34" s="132">
        <v>13.260636744231331</v>
      </c>
      <c r="H34" s="135">
        <v>10117</v>
      </c>
      <c r="I34" s="136">
        <v>98.500632849771208</v>
      </c>
      <c r="J34" s="137">
        <v>154</v>
      </c>
      <c r="K34" s="132">
        <v>1.4993671502287995</v>
      </c>
      <c r="L34" s="138">
        <v>0</v>
      </c>
      <c r="M34" s="132">
        <v>0</v>
      </c>
      <c r="N34" s="138">
        <v>154</v>
      </c>
      <c r="O34" s="136">
        <v>1.4993671502287995</v>
      </c>
      <c r="P34" s="137">
        <v>1516</v>
      </c>
      <c r="Q34" s="136">
        <v>14.76000389446013</v>
      </c>
    </row>
    <row r="35" spans="1:17" ht="20.25" customHeight="1" x14ac:dyDescent="0.15">
      <c r="A35" s="139" t="s">
        <v>52</v>
      </c>
      <c r="B35" s="144">
        <v>9093</v>
      </c>
      <c r="C35" s="131">
        <v>6959</v>
      </c>
      <c r="D35" s="132">
        <v>76.53139777851095</v>
      </c>
      <c r="E35" s="133"/>
      <c r="F35" s="134">
        <v>1985</v>
      </c>
      <c r="G35" s="132">
        <v>21.829979104805894</v>
      </c>
      <c r="H35" s="135">
        <v>8944</v>
      </c>
      <c r="I35" s="136">
        <v>98.361376883316836</v>
      </c>
      <c r="J35" s="137">
        <v>149</v>
      </c>
      <c r="K35" s="132">
        <v>1.6386231166831629</v>
      </c>
      <c r="L35" s="138">
        <v>0</v>
      </c>
      <c r="M35" s="132">
        <v>0</v>
      </c>
      <c r="N35" s="138">
        <v>149</v>
      </c>
      <c r="O35" s="136">
        <v>1.6386231166831629</v>
      </c>
      <c r="P35" s="137">
        <v>2134</v>
      </c>
      <c r="Q35" s="136">
        <v>23.468602221489057</v>
      </c>
    </row>
    <row r="36" spans="1:17" ht="20.25" customHeight="1" thickBot="1" x14ac:dyDescent="0.2">
      <c r="A36" s="145" t="s">
        <v>53</v>
      </c>
      <c r="B36" s="146">
        <v>18743</v>
      </c>
      <c r="C36" s="147">
        <v>13920</v>
      </c>
      <c r="D36" s="148">
        <v>74.26772661793737</v>
      </c>
      <c r="E36" s="149"/>
      <c r="F36" s="150">
        <v>4776</v>
      </c>
      <c r="G36" s="148">
        <v>25.481513098223335</v>
      </c>
      <c r="H36" s="151">
        <v>18696</v>
      </c>
      <c r="I36" s="152">
        <v>99.749239716160702</v>
      </c>
      <c r="J36" s="156">
        <v>47</v>
      </c>
      <c r="K36" s="167">
        <v>0.25076028383930005</v>
      </c>
      <c r="L36" s="154">
        <v>0</v>
      </c>
      <c r="M36" s="167">
        <v>0</v>
      </c>
      <c r="N36" s="154">
        <v>47</v>
      </c>
      <c r="O36" s="155">
        <v>0.25076028383930005</v>
      </c>
      <c r="P36" s="156">
        <v>4823</v>
      </c>
      <c r="Q36" s="155">
        <v>25.732273382062637</v>
      </c>
    </row>
    <row r="37" spans="1:17" ht="20.25" customHeight="1" x14ac:dyDescent="0.15">
      <c r="A37" s="157" t="s">
        <v>54</v>
      </c>
      <c r="B37" s="140">
        <v>10865</v>
      </c>
      <c r="C37" s="141">
        <v>5209</v>
      </c>
      <c r="D37" s="142">
        <v>47.942936033133918</v>
      </c>
      <c r="E37" s="162"/>
      <c r="F37" s="180">
        <v>5598</v>
      </c>
      <c r="G37" s="142">
        <v>51.523239760699489</v>
      </c>
      <c r="H37" s="158">
        <v>10807</v>
      </c>
      <c r="I37" s="143">
        <v>99.466175793833401</v>
      </c>
      <c r="J37" s="159">
        <v>58</v>
      </c>
      <c r="K37" s="181">
        <v>0.53382420616658999</v>
      </c>
      <c r="L37" s="126">
        <v>0</v>
      </c>
      <c r="M37" s="181">
        <v>0</v>
      </c>
      <c r="N37" s="126">
        <v>58</v>
      </c>
      <c r="O37" s="127">
        <v>0.53382420616658999</v>
      </c>
      <c r="P37" s="159">
        <v>5656</v>
      </c>
      <c r="Q37" s="127">
        <v>52.057063966866082</v>
      </c>
    </row>
    <row r="38" spans="1:17" ht="20.25" customHeight="1" x14ac:dyDescent="0.15">
      <c r="A38" s="139" t="s">
        <v>55</v>
      </c>
      <c r="B38" s="144">
        <v>6187</v>
      </c>
      <c r="C38" s="131">
        <v>633</v>
      </c>
      <c r="D38" s="132">
        <v>10.231129788265719</v>
      </c>
      <c r="E38" s="133"/>
      <c r="F38" s="134">
        <v>5462</v>
      </c>
      <c r="G38" s="132">
        <v>88.281881364150635</v>
      </c>
      <c r="H38" s="135">
        <v>6095</v>
      </c>
      <c r="I38" s="136">
        <v>98.513011152416354</v>
      </c>
      <c r="J38" s="137">
        <v>92</v>
      </c>
      <c r="K38" s="132">
        <v>1.486988847583643</v>
      </c>
      <c r="L38" s="138">
        <v>0</v>
      </c>
      <c r="M38" s="132">
        <v>0</v>
      </c>
      <c r="N38" s="138">
        <v>92</v>
      </c>
      <c r="O38" s="136">
        <v>1.486988847583643</v>
      </c>
      <c r="P38" s="137">
        <v>5554</v>
      </c>
      <c r="Q38" s="136">
        <v>89.768870211734281</v>
      </c>
    </row>
    <row r="39" spans="1:17" ht="20.25" customHeight="1" x14ac:dyDescent="0.15">
      <c r="A39" s="139" t="s">
        <v>56</v>
      </c>
      <c r="B39" s="140">
        <v>22106</v>
      </c>
      <c r="C39" s="131">
        <v>19384</v>
      </c>
      <c r="D39" s="132">
        <v>87.686600922826386</v>
      </c>
      <c r="E39" s="133"/>
      <c r="F39" s="134">
        <v>2674</v>
      </c>
      <c r="G39" s="132">
        <v>12.096263457884737</v>
      </c>
      <c r="H39" s="135">
        <v>22058</v>
      </c>
      <c r="I39" s="136">
        <v>99.782864380711118</v>
      </c>
      <c r="J39" s="137">
        <v>48</v>
      </c>
      <c r="K39" s="132">
        <v>0.21713561928888084</v>
      </c>
      <c r="L39" s="138">
        <v>0</v>
      </c>
      <c r="M39" s="132">
        <v>0</v>
      </c>
      <c r="N39" s="138">
        <v>48</v>
      </c>
      <c r="O39" s="136">
        <v>0.21713561928888084</v>
      </c>
      <c r="P39" s="137">
        <v>2722</v>
      </c>
      <c r="Q39" s="136">
        <v>12.313399077173617</v>
      </c>
    </row>
    <row r="40" spans="1:17" ht="20.25" customHeight="1" x14ac:dyDescent="0.15">
      <c r="A40" s="139" t="s">
        <v>57</v>
      </c>
      <c r="B40" s="144">
        <v>39185</v>
      </c>
      <c r="C40" s="131">
        <v>34973</v>
      </c>
      <c r="D40" s="132">
        <v>89.250988898813318</v>
      </c>
      <c r="E40" s="133"/>
      <c r="F40" s="134">
        <v>3970</v>
      </c>
      <c r="G40" s="132">
        <v>10.131427842286589</v>
      </c>
      <c r="H40" s="135">
        <v>38943</v>
      </c>
      <c r="I40" s="136">
        <v>99.382416741099902</v>
      </c>
      <c r="J40" s="137">
        <v>242</v>
      </c>
      <c r="K40" s="132">
        <v>0.61758325890008936</v>
      </c>
      <c r="L40" s="138">
        <v>0</v>
      </c>
      <c r="M40" s="132">
        <v>0</v>
      </c>
      <c r="N40" s="138">
        <v>242</v>
      </c>
      <c r="O40" s="136">
        <v>0.61758325890008936</v>
      </c>
      <c r="P40" s="137">
        <v>4212</v>
      </c>
      <c r="Q40" s="136">
        <v>10.749011101186678</v>
      </c>
    </row>
    <row r="41" spans="1:17" ht="20.25" customHeight="1" thickBot="1" x14ac:dyDescent="0.2">
      <c r="A41" s="145" t="s">
        <v>58</v>
      </c>
      <c r="B41" s="146">
        <v>2868</v>
      </c>
      <c r="C41" s="147">
        <v>2664</v>
      </c>
      <c r="D41" s="148">
        <v>92.887029288702934</v>
      </c>
      <c r="E41" s="149"/>
      <c r="F41" s="182">
        <v>190</v>
      </c>
      <c r="G41" s="148">
        <v>6.624825662482567</v>
      </c>
      <c r="H41" s="151">
        <v>2854</v>
      </c>
      <c r="I41" s="152">
        <v>99.511854951185498</v>
      </c>
      <c r="J41" s="153">
        <v>14</v>
      </c>
      <c r="K41" s="148">
        <v>0.48814504881450488</v>
      </c>
      <c r="L41" s="161">
        <v>0</v>
      </c>
      <c r="M41" s="148">
        <v>0</v>
      </c>
      <c r="N41" s="161">
        <v>14</v>
      </c>
      <c r="O41" s="152">
        <v>0.48814504881450488</v>
      </c>
      <c r="P41" s="153">
        <v>204</v>
      </c>
      <c r="Q41" s="152">
        <v>7.1129707112970717</v>
      </c>
    </row>
    <row r="42" spans="1:17" ht="20.25" customHeight="1" thickBot="1" x14ac:dyDescent="0.2">
      <c r="A42" s="169" t="s">
        <v>95</v>
      </c>
      <c r="B42" s="170">
        <v>282235</v>
      </c>
      <c r="C42" s="171">
        <v>227627</v>
      </c>
      <c r="D42" s="172">
        <v>80.651584672347511</v>
      </c>
      <c r="E42" s="183"/>
      <c r="F42" s="184">
        <v>53022</v>
      </c>
      <c r="G42" s="172">
        <v>18.786472266019452</v>
      </c>
      <c r="H42" s="175">
        <v>280649</v>
      </c>
      <c r="I42" s="176">
        <v>99.438056938366969</v>
      </c>
      <c r="J42" s="177">
        <v>1586</v>
      </c>
      <c r="K42" s="172">
        <v>0.56194306163303631</v>
      </c>
      <c r="L42" s="185">
        <v>0</v>
      </c>
      <c r="M42" s="172">
        <v>0</v>
      </c>
      <c r="N42" s="185">
        <v>1586</v>
      </c>
      <c r="O42" s="176">
        <v>0.56194306163303631</v>
      </c>
      <c r="P42" s="177">
        <v>54608</v>
      </c>
      <c r="Q42" s="176">
        <v>19.348415327652489</v>
      </c>
    </row>
    <row r="43" spans="1:17" ht="20.25" customHeight="1" thickBot="1" x14ac:dyDescent="0.2">
      <c r="A43" s="111" t="s">
        <v>96</v>
      </c>
      <c r="B43" s="186">
        <v>9226695</v>
      </c>
      <c r="C43" s="187">
        <v>8886596</v>
      </c>
      <c r="D43" s="188">
        <v>96.31396724395897</v>
      </c>
      <c r="E43" s="173"/>
      <c r="F43" s="184">
        <v>318100</v>
      </c>
      <c r="G43" s="188">
        <v>3.4476050199990351</v>
      </c>
      <c r="H43" s="189">
        <v>9204696</v>
      </c>
      <c r="I43" s="190">
        <v>99.761572263958001</v>
      </c>
      <c r="J43" s="177">
        <v>21992</v>
      </c>
      <c r="K43" s="172">
        <v>0.23835186922294493</v>
      </c>
      <c r="L43" s="185">
        <v>7</v>
      </c>
      <c r="M43" s="172">
        <v>7.5866819050591789E-5</v>
      </c>
      <c r="N43" s="185">
        <v>21999</v>
      </c>
      <c r="O43" s="176">
        <v>0.23842773604199552</v>
      </c>
      <c r="P43" s="177">
        <v>340092</v>
      </c>
      <c r="Q43" s="176">
        <v>3.6859568892219801</v>
      </c>
    </row>
    <row r="44" spans="1:17" s="79" customFormat="1" ht="16.5" customHeight="1" x14ac:dyDescent="0.15">
      <c r="A44" s="79" t="s">
        <v>212</v>
      </c>
      <c r="D44" s="85"/>
      <c r="G44" s="85"/>
      <c r="I44" s="85"/>
      <c r="K44" s="85"/>
      <c r="M44" s="85"/>
      <c r="O44" s="85"/>
      <c r="Q44" s="85"/>
    </row>
    <row r="45" spans="1:17" ht="16.5" customHeight="1" x14ac:dyDescent="0.15">
      <c r="A45" s="2"/>
      <c r="B45" s="2"/>
      <c r="C45" s="2"/>
    </row>
    <row r="56" spans="1:2" ht="16.5" customHeight="1" x14ac:dyDescent="0.15">
      <c r="A56" s="80"/>
      <c r="B56" s="80"/>
    </row>
  </sheetData>
  <mergeCells count="6">
    <mergeCell ref="A5:A6"/>
    <mergeCell ref="C5:I5"/>
    <mergeCell ref="J5:O5"/>
    <mergeCell ref="I6:I7"/>
    <mergeCell ref="O6:O7"/>
    <mergeCell ref="E7:F7"/>
  </mergeCells>
  <phoneticPr fontId="2"/>
  <conditionalFormatting sqref="B8:Q43">
    <cfRule type="cellIs" dxfId="8" priority="1" stopIfTrue="1" operator="equal">
      <formula>0</formula>
    </cfRule>
  </conditionalFormatting>
  <pageMargins left="0.59055118110236227" right="0.59055118110236227" top="0.78740157480314965" bottom="0.78740157480314965" header="0.51181102362204722" footer="0.39370078740157483"/>
  <pageSetup paperSize="9" scale="84" orientation="portrait" r:id="rId1"/>
  <headerFooter alignWithMargins="0"/>
  <colBreaks count="1" manualBreakCount="1">
    <brk id="9" max="44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7"/>
  <dimension ref="A1:R44"/>
  <sheetViews>
    <sheetView view="pageBreakPreview" zoomScaleNormal="100" zoomScaleSheetLayoutView="100" workbookViewId="0">
      <pane xSplit="1" ySplit="7" topLeftCell="B24" activePane="bottomRight" state="frozen"/>
      <selection activeCell="B10" sqref="B10"/>
      <selection pane="topRight" activeCell="B10" sqref="B10"/>
      <selection pane="bottomLeft" activeCell="B10" sqref="B10"/>
      <selection pane="bottomRight" activeCell="H50" sqref="H50"/>
    </sheetView>
  </sheetViews>
  <sheetFormatPr defaultColWidth="13.625" defaultRowHeight="16.5" customHeight="1" x14ac:dyDescent="0.15"/>
  <cols>
    <col min="1" max="1" width="14.125" style="9" customWidth="1"/>
    <col min="2" max="2" width="11.125" style="81" customWidth="1"/>
    <col min="3" max="3" width="4.625" style="81" customWidth="1"/>
    <col min="4" max="4" width="7.125" style="2" customWidth="1"/>
    <col min="5" max="5" width="11.125" style="2" customWidth="1"/>
    <col min="6" max="6" width="11.625" style="2" customWidth="1"/>
    <col min="7" max="7" width="10.875" style="2" customWidth="1"/>
    <col min="8" max="8" width="11.125" style="2" customWidth="1"/>
    <col min="9" max="9" width="11.625" style="2" customWidth="1"/>
    <col min="10" max="10" width="10.625" style="2" customWidth="1"/>
    <col min="11" max="11" width="12.625" style="2" customWidth="1"/>
    <col min="12" max="12" width="10.625" style="2" customWidth="1"/>
    <col min="13" max="15" width="11.625" style="2" customWidth="1"/>
    <col min="16" max="16" width="12.125" style="2" customWidth="1"/>
    <col min="17" max="18" width="10.625" style="2" customWidth="1"/>
    <col min="19" max="16384" width="13.625" style="2"/>
  </cols>
  <sheetData>
    <row r="1" spans="1:18" ht="16.5" customHeight="1" x14ac:dyDescent="0.15">
      <c r="A1" s="1" t="s">
        <v>97</v>
      </c>
      <c r="B1" s="1"/>
      <c r="C1" s="1"/>
      <c r="D1" s="1"/>
      <c r="E1" s="1"/>
      <c r="F1" s="1"/>
      <c r="O1" s="81"/>
      <c r="P1" s="81"/>
      <c r="Q1" s="4"/>
      <c r="R1" s="4"/>
    </row>
    <row r="2" spans="1:18" ht="9" customHeight="1" x14ac:dyDescent="0.15">
      <c r="A2" s="3"/>
      <c r="B2" s="3"/>
      <c r="C2" s="3"/>
      <c r="D2" s="3"/>
      <c r="E2" s="3"/>
      <c r="F2" s="3"/>
      <c r="G2" s="191"/>
      <c r="L2" s="84"/>
      <c r="M2" s="84"/>
      <c r="N2" s="84"/>
    </row>
    <row r="3" spans="1:18" s="6" customFormat="1" ht="16.5" customHeight="1" thickBot="1" x14ac:dyDescent="0.2">
      <c r="A3" s="192" t="s">
        <v>98</v>
      </c>
      <c r="B3" s="88"/>
      <c r="C3" s="88"/>
      <c r="D3" s="7"/>
      <c r="E3" s="7"/>
      <c r="G3" s="193"/>
      <c r="R3" s="194" t="s">
        <v>99</v>
      </c>
    </row>
    <row r="4" spans="1:18" s="81" customFormat="1" ht="21" customHeight="1" x14ac:dyDescent="0.15">
      <c r="A4" s="92"/>
      <c r="B4" s="195"/>
      <c r="C4" s="443" t="s">
        <v>100</v>
      </c>
      <c r="D4" s="443"/>
      <c r="E4" s="443"/>
      <c r="F4" s="443"/>
      <c r="G4" s="196"/>
      <c r="H4" s="197"/>
      <c r="I4" s="443" t="s">
        <v>3</v>
      </c>
      <c r="J4" s="443"/>
      <c r="K4" s="443"/>
      <c r="L4" s="196"/>
      <c r="M4" s="444" t="s">
        <v>101</v>
      </c>
      <c r="N4" s="445"/>
      <c r="O4" s="445"/>
      <c r="P4" s="445"/>
      <c r="Q4" s="445"/>
      <c r="R4" s="446"/>
    </row>
    <row r="5" spans="1:18" s="81" customFormat="1" ht="21" customHeight="1" x14ac:dyDescent="0.15">
      <c r="A5" s="447" t="s">
        <v>9</v>
      </c>
      <c r="B5" s="448" t="s">
        <v>102</v>
      </c>
      <c r="C5" s="449"/>
      <c r="D5" s="449"/>
      <c r="E5" s="449"/>
      <c r="F5" s="450"/>
      <c r="G5" s="451" t="s">
        <v>103</v>
      </c>
      <c r="H5" s="454" t="s">
        <v>104</v>
      </c>
      <c r="I5" s="455"/>
      <c r="J5" s="455"/>
      <c r="K5" s="456"/>
      <c r="L5" s="451" t="s">
        <v>103</v>
      </c>
      <c r="M5" s="454" t="s">
        <v>104</v>
      </c>
      <c r="N5" s="455"/>
      <c r="O5" s="455"/>
      <c r="P5" s="456"/>
      <c r="Q5" s="198" t="s">
        <v>105</v>
      </c>
      <c r="R5" s="199"/>
    </row>
    <row r="6" spans="1:18" s="9" customFormat="1" ht="21" customHeight="1" x14ac:dyDescent="0.15">
      <c r="A6" s="447"/>
      <c r="B6" s="200" t="s">
        <v>106</v>
      </c>
      <c r="C6" s="201" t="s">
        <v>107</v>
      </c>
      <c r="D6" s="202"/>
      <c r="E6" s="203" t="s">
        <v>108</v>
      </c>
      <c r="F6" s="106" t="s">
        <v>109</v>
      </c>
      <c r="G6" s="452"/>
      <c r="H6" s="200" t="s">
        <v>110</v>
      </c>
      <c r="I6" s="203" t="s">
        <v>111</v>
      </c>
      <c r="J6" s="203" t="s">
        <v>112</v>
      </c>
      <c r="K6" s="203" t="s">
        <v>113</v>
      </c>
      <c r="L6" s="452"/>
      <c r="M6" s="200" t="s">
        <v>114</v>
      </c>
      <c r="N6" s="203" t="s">
        <v>115</v>
      </c>
      <c r="O6" s="203" t="s">
        <v>116</v>
      </c>
      <c r="P6" s="106" t="s">
        <v>117</v>
      </c>
      <c r="Q6" s="204" t="s">
        <v>118</v>
      </c>
      <c r="R6" s="205" t="s">
        <v>119</v>
      </c>
    </row>
    <row r="7" spans="1:18" s="9" customFormat="1" ht="21" customHeight="1" thickBot="1" x14ac:dyDescent="0.2">
      <c r="A7" s="109"/>
      <c r="B7" s="111" t="s">
        <v>120</v>
      </c>
      <c r="C7" s="457" t="s">
        <v>121</v>
      </c>
      <c r="D7" s="458"/>
      <c r="E7" s="206" t="s">
        <v>122</v>
      </c>
      <c r="F7" s="207" t="s">
        <v>123</v>
      </c>
      <c r="G7" s="453"/>
      <c r="H7" s="111" t="s">
        <v>120</v>
      </c>
      <c r="I7" s="206" t="s">
        <v>121</v>
      </c>
      <c r="J7" s="206" t="s">
        <v>122</v>
      </c>
      <c r="K7" s="207" t="s">
        <v>208</v>
      </c>
      <c r="L7" s="453"/>
      <c r="M7" s="208" t="s">
        <v>124</v>
      </c>
      <c r="N7" s="209" t="s">
        <v>121</v>
      </c>
      <c r="O7" s="209" t="s">
        <v>122</v>
      </c>
      <c r="P7" s="207" t="s">
        <v>125</v>
      </c>
      <c r="Q7" s="210"/>
      <c r="R7" s="211" t="s">
        <v>126</v>
      </c>
    </row>
    <row r="8" spans="1:18" ht="21" customHeight="1" x14ac:dyDescent="0.15">
      <c r="A8" s="116" t="s">
        <v>25</v>
      </c>
      <c r="B8" s="128">
        <v>6185</v>
      </c>
      <c r="C8" s="461">
        <v>0</v>
      </c>
      <c r="D8" s="462"/>
      <c r="E8" s="123">
        <v>0</v>
      </c>
      <c r="F8" s="123">
        <v>6185</v>
      </c>
      <c r="G8" s="212">
        <v>0</v>
      </c>
      <c r="H8" s="128">
        <v>0</v>
      </c>
      <c r="I8" s="178">
        <v>0</v>
      </c>
      <c r="J8" s="164">
        <v>28165</v>
      </c>
      <c r="K8" s="164">
        <v>28165</v>
      </c>
      <c r="L8" s="213">
        <v>0</v>
      </c>
      <c r="M8" s="159">
        <v>6185</v>
      </c>
      <c r="N8" s="126">
        <v>0</v>
      </c>
      <c r="O8" s="121">
        <v>28165</v>
      </c>
      <c r="P8" s="214">
        <v>34350</v>
      </c>
      <c r="Q8" s="214">
        <v>0</v>
      </c>
      <c r="R8" s="215">
        <v>34350</v>
      </c>
    </row>
    <row r="9" spans="1:18" ht="21" customHeight="1" x14ac:dyDescent="0.15">
      <c r="A9" s="129" t="s">
        <v>26</v>
      </c>
      <c r="B9" s="137">
        <v>6978</v>
      </c>
      <c r="C9" s="459">
        <v>0</v>
      </c>
      <c r="D9" s="460"/>
      <c r="E9" s="135">
        <v>0</v>
      </c>
      <c r="F9" s="135">
        <v>6978</v>
      </c>
      <c r="G9" s="216">
        <v>0</v>
      </c>
      <c r="H9" s="137">
        <v>32329</v>
      </c>
      <c r="I9" s="138">
        <v>0</v>
      </c>
      <c r="J9" s="138">
        <v>0</v>
      </c>
      <c r="K9" s="138">
        <v>32329</v>
      </c>
      <c r="L9" s="135">
        <v>0</v>
      </c>
      <c r="M9" s="217">
        <v>39307</v>
      </c>
      <c r="N9" s="138">
        <v>0</v>
      </c>
      <c r="O9" s="218">
        <v>0</v>
      </c>
      <c r="P9" s="135">
        <v>39307</v>
      </c>
      <c r="Q9" s="135">
        <v>0</v>
      </c>
      <c r="R9" s="216">
        <v>39307</v>
      </c>
    </row>
    <row r="10" spans="1:18" ht="21" customHeight="1" x14ac:dyDescent="0.15">
      <c r="A10" s="139" t="s">
        <v>27</v>
      </c>
      <c r="B10" s="128">
        <v>1239</v>
      </c>
      <c r="C10" s="459">
        <v>1230</v>
      </c>
      <c r="D10" s="460"/>
      <c r="E10" s="158">
        <v>0</v>
      </c>
      <c r="F10" s="158">
        <v>2469</v>
      </c>
      <c r="G10" s="213">
        <v>0</v>
      </c>
      <c r="H10" s="128">
        <v>4360</v>
      </c>
      <c r="I10" s="163">
        <v>0</v>
      </c>
      <c r="J10" s="163">
        <v>19470</v>
      </c>
      <c r="K10" s="163">
        <v>23830</v>
      </c>
      <c r="L10" s="135">
        <v>0</v>
      </c>
      <c r="M10" s="217">
        <v>5599</v>
      </c>
      <c r="N10" s="138">
        <v>1230</v>
      </c>
      <c r="O10" s="218">
        <v>19470</v>
      </c>
      <c r="P10" s="135">
        <v>26299</v>
      </c>
      <c r="Q10" s="135">
        <v>0</v>
      </c>
      <c r="R10" s="216">
        <v>26299</v>
      </c>
    </row>
    <row r="11" spans="1:18" ht="21" customHeight="1" x14ac:dyDescent="0.15">
      <c r="A11" s="139" t="s">
        <v>28</v>
      </c>
      <c r="B11" s="137">
        <v>0</v>
      </c>
      <c r="C11" s="459">
        <v>1393</v>
      </c>
      <c r="D11" s="460"/>
      <c r="E11" s="135">
        <v>889</v>
      </c>
      <c r="F11" s="135">
        <v>2282</v>
      </c>
      <c r="G11" s="216">
        <v>0</v>
      </c>
      <c r="H11" s="137">
        <v>0</v>
      </c>
      <c r="I11" s="138">
        <v>10349</v>
      </c>
      <c r="J11" s="138">
        <v>0</v>
      </c>
      <c r="K11" s="138">
        <v>10349</v>
      </c>
      <c r="L11" s="135">
        <v>0</v>
      </c>
      <c r="M11" s="217">
        <v>0</v>
      </c>
      <c r="N11" s="138">
        <v>11742</v>
      </c>
      <c r="O11" s="134">
        <v>889</v>
      </c>
      <c r="P11" s="135">
        <v>12631</v>
      </c>
      <c r="Q11" s="135">
        <v>0</v>
      </c>
      <c r="R11" s="216">
        <v>12631</v>
      </c>
    </row>
    <row r="12" spans="1:18" ht="21" customHeight="1" thickBot="1" x14ac:dyDescent="0.2">
      <c r="A12" s="145" t="s">
        <v>29</v>
      </c>
      <c r="B12" s="153">
        <v>0</v>
      </c>
      <c r="C12" s="463">
        <v>720</v>
      </c>
      <c r="D12" s="464"/>
      <c r="E12" s="151">
        <v>0</v>
      </c>
      <c r="F12" s="151">
        <v>720</v>
      </c>
      <c r="G12" s="219">
        <v>0</v>
      </c>
      <c r="H12" s="153">
        <v>0</v>
      </c>
      <c r="I12" s="161">
        <v>0</v>
      </c>
      <c r="J12" s="161">
        <v>4423</v>
      </c>
      <c r="K12" s="161">
        <v>4423</v>
      </c>
      <c r="L12" s="168">
        <v>0</v>
      </c>
      <c r="M12" s="220">
        <v>0</v>
      </c>
      <c r="N12" s="161">
        <v>720</v>
      </c>
      <c r="O12" s="218">
        <v>4423</v>
      </c>
      <c r="P12" s="168">
        <v>5143</v>
      </c>
      <c r="Q12" s="168">
        <v>0</v>
      </c>
      <c r="R12" s="219">
        <v>5143</v>
      </c>
    </row>
    <row r="13" spans="1:18" ht="21" customHeight="1" x14ac:dyDescent="0.15">
      <c r="A13" s="157" t="s">
        <v>30</v>
      </c>
      <c r="B13" s="128">
        <v>0</v>
      </c>
      <c r="C13" s="461">
        <v>747</v>
      </c>
      <c r="D13" s="462"/>
      <c r="E13" s="158">
        <v>0</v>
      </c>
      <c r="F13" s="158">
        <v>747</v>
      </c>
      <c r="G13" s="213">
        <v>0</v>
      </c>
      <c r="H13" s="128">
        <v>0</v>
      </c>
      <c r="I13" s="163">
        <v>0</v>
      </c>
      <c r="J13" s="163">
        <v>2191</v>
      </c>
      <c r="K13" s="163">
        <v>2191</v>
      </c>
      <c r="L13" s="214">
        <v>0</v>
      </c>
      <c r="M13" s="221">
        <v>0</v>
      </c>
      <c r="N13" s="126">
        <v>747</v>
      </c>
      <c r="O13" s="126">
        <v>2191</v>
      </c>
      <c r="P13" s="214">
        <v>2938</v>
      </c>
      <c r="Q13" s="214">
        <v>0</v>
      </c>
      <c r="R13" s="213">
        <v>2938</v>
      </c>
    </row>
    <row r="14" spans="1:18" ht="21" customHeight="1" x14ac:dyDescent="0.15">
      <c r="A14" s="139" t="s">
        <v>31</v>
      </c>
      <c r="B14" s="137">
        <v>0</v>
      </c>
      <c r="C14" s="459">
        <v>0</v>
      </c>
      <c r="D14" s="460"/>
      <c r="E14" s="135">
        <v>2030</v>
      </c>
      <c r="F14" s="135">
        <v>2030</v>
      </c>
      <c r="G14" s="216">
        <v>0</v>
      </c>
      <c r="H14" s="137">
        <v>0</v>
      </c>
      <c r="I14" s="138">
        <v>0</v>
      </c>
      <c r="J14" s="138">
        <v>10798</v>
      </c>
      <c r="K14" s="138">
        <v>10798</v>
      </c>
      <c r="L14" s="135">
        <v>0</v>
      </c>
      <c r="M14" s="217">
        <v>0</v>
      </c>
      <c r="N14" s="138">
        <v>0</v>
      </c>
      <c r="O14" s="218">
        <v>12828</v>
      </c>
      <c r="P14" s="135">
        <v>12828</v>
      </c>
      <c r="Q14" s="135">
        <v>0</v>
      </c>
      <c r="R14" s="216">
        <v>12828</v>
      </c>
    </row>
    <row r="15" spans="1:18" ht="21" customHeight="1" x14ac:dyDescent="0.15">
      <c r="A15" s="139" t="s">
        <v>32</v>
      </c>
      <c r="B15" s="137">
        <v>0</v>
      </c>
      <c r="C15" s="459">
        <v>1292</v>
      </c>
      <c r="D15" s="460"/>
      <c r="E15" s="135">
        <v>0</v>
      </c>
      <c r="F15" s="135">
        <v>1292</v>
      </c>
      <c r="G15" s="216">
        <v>0</v>
      </c>
      <c r="H15" s="137">
        <v>0</v>
      </c>
      <c r="I15" s="138">
        <v>23391</v>
      </c>
      <c r="J15" s="138">
        <v>0</v>
      </c>
      <c r="K15" s="138">
        <v>23391</v>
      </c>
      <c r="L15" s="135">
        <v>0</v>
      </c>
      <c r="M15" s="217">
        <v>0</v>
      </c>
      <c r="N15" s="138">
        <v>24683</v>
      </c>
      <c r="O15" s="218">
        <v>0</v>
      </c>
      <c r="P15" s="135">
        <v>24683</v>
      </c>
      <c r="Q15" s="135">
        <v>0</v>
      </c>
      <c r="R15" s="216">
        <v>24683</v>
      </c>
    </row>
    <row r="16" spans="1:18" ht="21" customHeight="1" x14ac:dyDescent="0.15">
      <c r="A16" s="139" t="s">
        <v>33</v>
      </c>
      <c r="B16" s="137">
        <v>0</v>
      </c>
      <c r="C16" s="459">
        <v>1195</v>
      </c>
      <c r="D16" s="460"/>
      <c r="E16" s="135">
        <v>0</v>
      </c>
      <c r="F16" s="135">
        <v>1195</v>
      </c>
      <c r="G16" s="216">
        <v>0</v>
      </c>
      <c r="H16" s="137">
        <v>0</v>
      </c>
      <c r="I16" s="138">
        <v>7204</v>
      </c>
      <c r="J16" s="138">
        <v>0</v>
      </c>
      <c r="K16" s="138">
        <v>7204</v>
      </c>
      <c r="L16" s="135">
        <v>0</v>
      </c>
      <c r="M16" s="217">
        <v>0</v>
      </c>
      <c r="N16" s="138">
        <v>8399</v>
      </c>
      <c r="O16" s="134">
        <v>0</v>
      </c>
      <c r="P16" s="135">
        <v>8399</v>
      </c>
      <c r="Q16" s="135">
        <v>0</v>
      </c>
      <c r="R16" s="216">
        <v>8399</v>
      </c>
    </row>
    <row r="17" spans="1:18" ht="21" customHeight="1" thickBot="1" x14ac:dyDescent="0.2">
      <c r="A17" s="145" t="s">
        <v>34</v>
      </c>
      <c r="B17" s="153">
        <v>0</v>
      </c>
      <c r="C17" s="463">
        <v>0</v>
      </c>
      <c r="D17" s="464"/>
      <c r="E17" s="151">
        <v>144</v>
      </c>
      <c r="F17" s="151">
        <v>144</v>
      </c>
      <c r="G17" s="219">
        <v>0</v>
      </c>
      <c r="H17" s="153">
        <v>0</v>
      </c>
      <c r="I17" s="161">
        <v>0</v>
      </c>
      <c r="J17" s="161">
        <v>100</v>
      </c>
      <c r="K17" s="161">
        <v>100</v>
      </c>
      <c r="L17" s="151">
        <v>0</v>
      </c>
      <c r="M17" s="220">
        <v>0</v>
      </c>
      <c r="N17" s="161">
        <v>0</v>
      </c>
      <c r="O17" s="218">
        <v>244</v>
      </c>
      <c r="P17" s="151">
        <v>244</v>
      </c>
      <c r="Q17" s="151">
        <v>0</v>
      </c>
      <c r="R17" s="222">
        <v>244</v>
      </c>
    </row>
    <row r="18" spans="1:18" ht="21" customHeight="1" x14ac:dyDescent="0.15">
      <c r="A18" s="157" t="s">
        <v>35</v>
      </c>
      <c r="B18" s="128">
        <v>0</v>
      </c>
      <c r="C18" s="461">
        <v>2484</v>
      </c>
      <c r="D18" s="462"/>
      <c r="E18" s="158">
        <v>0</v>
      </c>
      <c r="F18" s="158">
        <v>2484</v>
      </c>
      <c r="G18" s="213">
        <v>0</v>
      </c>
      <c r="H18" s="128">
        <v>0</v>
      </c>
      <c r="I18" s="163">
        <v>0</v>
      </c>
      <c r="J18" s="163">
        <v>16291</v>
      </c>
      <c r="K18" s="163">
        <v>16291</v>
      </c>
      <c r="L18" s="158">
        <v>0</v>
      </c>
      <c r="M18" s="221">
        <v>0</v>
      </c>
      <c r="N18" s="126">
        <v>2484</v>
      </c>
      <c r="O18" s="126">
        <v>16291</v>
      </c>
      <c r="P18" s="158">
        <v>18775</v>
      </c>
      <c r="Q18" s="158">
        <v>0</v>
      </c>
      <c r="R18" s="223">
        <v>18775</v>
      </c>
    </row>
    <row r="19" spans="1:18" ht="21" customHeight="1" x14ac:dyDescent="0.15">
      <c r="A19" s="139" t="s">
        <v>36</v>
      </c>
      <c r="B19" s="137">
        <v>0</v>
      </c>
      <c r="C19" s="459">
        <v>467</v>
      </c>
      <c r="D19" s="460"/>
      <c r="E19" s="135">
        <v>0</v>
      </c>
      <c r="F19" s="135">
        <v>467</v>
      </c>
      <c r="G19" s="216">
        <v>10</v>
      </c>
      <c r="H19" s="137">
        <v>0</v>
      </c>
      <c r="I19" s="138">
        <v>0</v>
      </c>
      <c r="J19" s="138">
        <v>13035</v>
      </c>
      <c r="K19" s="138">
        <v>13035</v>
      </c>
      <c r="L19" s="135">
        <v>279</v>
      </c>
      <c r="M19" s="217">
        <v>0</v>
      </c>
      <c r="N19" s="138">
        <v>467</v>
      </c>
      <c r="O19" s="218">
        <v>13035</v>
      </c>
      <c r="P19" s="135">
        <v>13502</v>
      </c>
      <c r="Q19" s="135">
        <v>289</v>
      </c>
      <c r="R19" s="216">
        <v>13791</v>
      </c>
    </row>
    <row r="20" spans="1:18" ht="21" customHeight="1" x14ac:dyDescent="0.15">
      <c r="A20" s="139" t="s">
        <v>37</v>
      </c>
      <c r="B20" s="137">
        <v>0</v>
      </c>
      <c r="C20" s="459">
        <v>1383</v>
      </c>
      <c r="D20" s="460"/>
      <c r="E20" s="135">
        <v>0</v>
      </c>
      <c r="F20" s="135">
        <v>1383</v>
      </c>
      <c r="G20" s="216">
        <v>0</v>
      </c>
      <c r="H20" s="137">
        <v>0</v>
      </c>
      <c r="I20" s="138">
        <v>12142</v>
      </c>
      <c r="J20" s="138">
        <v>0</v>
      </c>
      <c r="K20" s="138">
        <v>12142</v>
      </c>
      <c r="L20" s="135">
        <v>0</v>
      </c>
      <c r="M20" s="217">
        <v>0</v>
      </c>
      <c r="N20" s="138">
        <v>13525</v>
      </c>
      <c r="O20" s="218">
        <v>0</v>
      </c>
      <c r="P20" s="135">
        <v>13525</v>
      </c>
      <c r="Q20" s="135">
        <v>0</v>
      </c>
      <c r="R20" s="216">
        <v>13525</v>
      </c>
    </row>
    <row r="21" spans="1:18" ht="21" customHeight="1" x14ac:dyDescent="0.15">
      <c r="A21" s="139" t="s">
        <v>38</v>
      </c>
      <c r="B21" s="137">
        <v>0</v>
      </c>
      <c r="C21" s="459">
        <v>503</v>
      </c>
      <c r="D21" s="460"/>
      <c r="E21" s="135">
        <v>0</v>
      </c>
      <c r="F21" s="135">
        <v>503</v>
      </c>
      <c r="G21" s="216">
        <v>0</v>
      </c>
      <c r="H21" s="137">
        <v>0</v>
      </c>
      <c r="I21" s="138">
        <v>0</v>
      </c>
      <c r="J21" s="138">
        <v>2986</v>
      </c>
      <c r="K21" s="138">
        <v>2986</v>
      </c>
      <c r="L21" s="135">
        <v>0</v>
      </c>
      <c r="M21" s="217">
        <v>0</v>
      </c>
      <c r="N21" s="138">
        <v>503</v>
      </c>
      <c r="O21" s="134">
        <v>2986</v>
      </c>
      <c r="P21" s="135">
        <v>3489</v>
      </c>
      <c r="Q21" s="135">
        <v>0</v>
      </c>
      <c r="R21" s="216">
        <v>3489</v>
      </c>
    </row>
    <row r="22" spans="1:18" ht="21" customHeight="1" thickBot="1" x14ac:dyDescent="0.2">
      <c r="A22" s="145" t="s">
        <v>39</v>
      </c>
      <c r="B22" s="153">
        <v>0</v>
      </c>
      <c r="C22" s="463">
        <v>1432</v>
      </c>
      <c r="D22" s="464"/>
      <c r="E22" s="151">
        <v>0</v>
      </c>
      <c r="F22" s="151">
        <v>1432</v>
      </c>
      <c r="G22" s="219">
        <v>0</v>
      </c>
      <c r="H22" s="153">
        <v>0</v>
      </c>
      <c r="I22" s="161">
        <v>0</v>
      </c>
      <c r="J22" s="161">
        <v>11744</v>
      </c>
      <c r="K22" s="161">
        <v>11744</v>
      </c>
      <c r="L22" s="168">
        <v>0</v>
      </c>
      <c r="M22" s="220">
        <v>0</v>
      </c>
      <c r="N22" s="161">
        <v>1432</v>
      </c>
      <c r="O22" s="218">
        <v>11744</v>
      </c>
      <c r="P22" s="168">
        <v>13176</v>
      </c>
      <c r="Q22" s="151">
        <v>0</v>
      </c>
      <c r="R22" s="219">
        <v>13176</v>
      </c>
    </row>
    <row r="23" spans="1:18" ht="21" customHeight="1" x14ac:dyDescent="0.15">
      <c r="A23" s="157" t="s">
        <v>40</v>
      </c>
      <c r="B23" s="128">
        <v>468</v>
      </c>
      <c r="C23" s="461">
        <v>0</v>
      </c>
      <c r="D23" s="466"/>
      <c r="E23" s="158">
        <v>0</v>
      </c>
      <c r="F23" s="158">
        <v>468</v>
      </c>
      <c r="G23" s="213">
        <v>0</v>
      </c>
      <c r="H23" s="128">
        <v>0</v>
      </c>
      <c r="I23" s="163">
        <v>2665</v>
      </c>
      <c r="J23" s="163">
        <v>0</v>
      </c>
      <c r="K23" s="178">
        <v>2665</v>
      </c>
      <c r="L23" s="214">
        <v>0</v>
      </c>
      <c r="M23" s="221">
        <v>468</v>
      </c>
      <c r="N23" s="126">
        <v>2665</v>
      </c>
      <c r="O23" s="121">
        <v>0</v>
      </c>
      <c r="P23" s="214">
        <v>3133</v>
      </c>
      <c r="Q23" s="214">
        <v>0</v>
      </c>
      <c r="R23" s="213">
        <v>3133</v>
      </c>
    </row>
    <row r="24" spans="1:18" ht="21" customHeight="1" x14ac:dyDescent="0.15">
      <c r="A24" s="139" t="s">
        <v>41</v>
      </c>
      <c r="B24" s="137">
        <v>328</v>
      </c>
      <c r="C24" s="459">
        <v>0</v>
      </c>
      <c r="D24" s="467"/>
      <c r="E24" s="135">
        <v>0</v>
      </c>
      <c r="F24" s="135">
        <v>328</v>
      </c>
      <c r="G24" s="216">
        <v>0</v>
      </c>
      <c r="H24" s="137">
        <v>0</v>
      </c>
      <c r="I24" s="138">
        <v>0</v>
      </c>
      <c r="J24" s="138">
        <v>3101</v>
      </c>
      <c r="K24" s="138">
        <v>3101</v>
      </c>
      <c r="L24" s="135">
        <v>0</v>
      </c>
      <c r="M24" s="217">
        <v>328</v>
      </c>
      <c r="N24" s="138">
        <v>0</v>
      </c>
      <c r="O24" s="134">
        <v>3101</v>
      </c>
      <c r="P24" s="135">
        <v>3429</v>
      </c>
      <c r="Q24" s="135">
        <v>0</v>
      </c>
      <c r="R24" s="216">
        <v>3429</v>
      </c>
    </row>
    <row r="25" spans="1:18" ht="21" customHeight="1" x14ac:dyDescent="0.15">
      <c r="A25" s="139" t="s">
        <v>42</v>
      </c>
      <c r="B25" s="137">
        <v>0</v>
      </c>
      <c r="C25" s="459">
        <v>362</v>
      </c>
      <c r="D25" s="467"/>
      <c r="E25" s="135">
        <v>0</v>
      </c>
      <c r="F25" s="135">
        <v>362</v>
      </c>
      <c r="G25" s="216">
        <v>0</v>
      </c>
      <c r="H25" s="137">
        <v>0</v>
      </c>
      <c r="I25" s="138">
        <v>0</v>
      </c>
      <c r="J25" s="138">
        <v>11494</v>
      </c>
      <c r="K25" s="138">
        <v>11494</v>
      </c>
      <c r="L25" s="135">
        <v>0</v>
      </c>
      <c r="M25" s="217">
        <v>0</v>
      </c>
      <c r="N25" s="138">
        <v>362</v>
      </c>
      <c r="O25" s="134">
        <v>11494</v>
      </c>
      <c r="P25" s="135">
        <v>11856</v>
      </c>
      <c r="Q25" s="135">
        <v>0</v>
      </c>
      <c r="R25" s="216">
        <v>11856</v>
      </c>
    </row>
    <row r="26" spans="1:18" ht="21" customHeight="1" thickBot="1" x14ac:dyDescent="0.2">
      <c r="A26" s="165" t="s">
        <v>43</v>
      </c>
      <c r="B26" s="156">
        <v>494</v>
      </c>
      <c r="C26" s="463">
        <v>0</v>
      </c>
      <c r="D26" s="465"/>
      <c r="E26" s="168">
        <v>0</v>
      </c>
      <c r="F26" s="168">
        <v>494</v>
      </c>
      <c r="G26" s="222">
        <v>0</v>
      </c>
      <c r="H26" s="156">
        <v>0</v>
      </c>
      <c r="I26" s="154">
        <v>0</v>
      </c>
      <c r="J26" s="154">
        <v>3717</v>
      </c>
      <c r="K26" s="154">
        <v>3717</v>
      </c>
      <c r="L26" s="151">
        <v>0</v>
      </c>
      <c r="M26" s="224">
        <v>494</v>
      </c>
      <c r="N26" s="178">
        <v>0</v>
      </c>
      <c r="O26" s="174">
        <v>3717</v>
      </c>
      <c r="P26" s="151">
        <v>4211</v>
      </c>
      <c r="Q26" s="151">
        <v>0</v>
      </c>
      <c r="R26" s="222">
        <v>4211</v>
      </c>
    </row>
    <row r="27" spans="1:18" ht="21" customHeight="1" thickBot="1" x14ac:dyDescent="0.2">
      <c r="A27" s="169" t="s">
        <v>93</v>
      </c>
      <c r="B27" s="177">
        <v>15692</v>
      </c>
      <c r="C27" s="468">
        <v>13208</v>
      </c>
      <c r="D27" s="469"/>
      <c r="E27" s="175">
        <v>3063</v>
      </c>
      <c r="F27" s="175">
        <v>31963</v>
      </c>
      <c r="G27" s="225">
        <v>10</v>
      </c>
      <c r="H27" s="177">
        <v>36689</v>
      </c>
      <c r="I27" s="185">
        <v>55751</v>
      </c>
      <c r="J27" s="185">
        <v>127515</v>
      </c>
      <c r="K27" s="185">
        <v>219955</v>
      </c>
      <c r="L27" s="123">
        <v>279</v>
      </c>
      <c r="M27" s="177">
        <v>52381</v>
      </c>
      <c r="N27" s="226">
        <v>68959</v>
      </c>
      <c r="O27" s="185">
        <v>130578</v>
      </c>
      <c r="P27" s="123">
        <v>251918</v>
      </c>
      <c r="Q27" s="123">
        <v>289</v>
      </c>
      <c r="R27" s="225">
        <v>252207</v>
      </c>
    </row>
    <row r="28" spans="1:18" ht="21" customHeight="1" x14ac:dyDescent="0.15">
      <c r="A28" s="157" t="s">
        <v>45</v>
      </c>
      <c r="B28" s="128">
        <v>0</v>
      </c>
      <c r="C28" s="461">
        <v>0</v>
      </c>
      <c r="D28" s="466"/>
      <c r="E28" s="158">
        <v>66</v>
      </c>
      <c r="F28" s="158">
        <v>66</v>
      </c>
      <c r="G28" s="213">
        <v>0</v>
      </c>
      <c r="H28" s="128">
        <v>0</v>
      </c>
      <c r="I28" s="163">
        <v>0</v>
      </c>
      <c r="J28" s="163">
        <v>7845</v>
      </c>
      <c r="K28" s="163">
        <v>7845</v>
      </c>
      <c r="L28" s="214">
        <v>0</v>
      </c>
      <c r="M28" s="221">
        <v>0</v>
      </c>
      <c r="N28" s="126">
        <v>0</v>
      </c>
      <c r="O28" s="121">
        <v>7911</v>
      </c>
      <c r="P28" s="214">
        <v>7911</v>
      </c>
      <c r="Q28" s="214">
        <v>0</v>
      </c>
      <c r="R28" s="213">
        <v>7911</v>
      </c>
    </row>
    <row r="29" spans="1:18" ht="21" customHeight="1" x14ac:dyDescent="0.15">
      <c r="A29" s="139" t="s">
        <v>46</v>
      </c>
      <c r="B29" s="137">
        <v>0</v>
      </c>
      <c r="C29" s="459">
        <v>485</v>
      </c>
      <c r="D29" s="467"/>
      <c r="E29" s="135">
        <v>0</v>
      </c>
      <c r="F29" s="135">
        <v>485</v>
      </c>
      <c r="G29" s="216">
        <v>0</v>
      </c>
      <c r="H29" s="137">
        <v>0</v>
      </c>
      <c r="I29" s="138">
        <v>0</v>
      </c>
      <c r="J29" s="138">
        <v>1974</v>
      </c>
      <c r="K29" s="138">
        <v>1974</v>
      </c>
      <c r="L29" s="135">
        <v>0</v>
      </c>
      <c r="M29" s="217">
        <v>0</v>
      </c>
      <c r="N29" s="138">
        <v>485</v>
      </c>
      <c r="O29" s="134">
        <v>1974</v>
      </c>
      <c r="P29" s="135">
        <v>2459</v>
      </c>
      <c r="Q29" s="135">
        <v>0</v>
      </c>
      <c r="R29" s="216">
        <v>2459</v>
      </c>
    </row>
    <row r="30" spans="1:18" ht="21" customHeight="1" x14ac:dyDescent="0.15">
      <c r="A30" s="139" t="s">
        <v>47</v>
      </c>
      <c r="B30" s="137">
        <v>0</v>
      </c>
      <c r="C30" s="459">
        <v>374</v>
      </c>
      <c r="D30" s="467"/>
      <c r="E30" s="135">
        <v>0</v>
      </c>
      <c r="F30" s="135">
        <v>374</v>
      </c>
      <c r="G30" s="216">
        <v>0</v>
      </c>
      <c r="H30" s="137">
        <v>0</v>
      </c>
      <c r="I30" s="138">
        <v>0</v>
      </c>
      <c r="J30" s="138">
        <v>5839</v>
      </c>
      <c r="K30" s="138">
        <v>5839</v>
      </c>
      <c r="L30" s="135">
        <v>0</v>
      </c>
      <c r="M30" s="217">
        <v>0</v>
      </c>
      <c r="N30" s="138">
        <v>374</v>
      </c>
      <c r="O30" s="134">
        <v>5839</v>
      </c>
      <c r="P30" s="135">
        <v>6213</v>
      </c>
      <c r="Q30" s="135">
        <v>0</v>
      </c>
      <c r="R30" s="216">
        <v>6213</v>
      </c>
    </row>
    <row r="31" spans="1:18" ht="21" customHeight="1" thickBot="1" x14ac:dyDescent="0.2">
      <c r="A31" s="145" t="s">
        <v>48</v>
      </c>
      <c r="B31" s="153">
        <v>0</v>
      </c>
      <c r="C31" s="463">
        <v>270</v>
      </c>
      <c r="D31" s="465"/>
      <c r="E31" s="151">
        <v>0</v>
      </c>
      <c r="F31" s="151">
        <v>270</v>
      </c>
      <c r="G31" s="219">
        <v>0</v>
      </c>
      <c r="H31" s="153">
        <v>0</v>
      </c>
      <c r="I31" s="161">
        <v>3897</v>
      </c>
      <c r="J31" s="161">
        <v>0</v>
      </c>
      <c r="K31" s="161">
        <v>3897</v>
      </c>
      <c r="L31" s="151">
        <v>0</v>
      </c>
      <c r="M31" s="224">
        <v>0</v>
      </c>
      <c r="N31" s="178">
        <v>4167</v>
      </c>
      <c r="O31" s="174">
        <v>0</v>
      </c>
      <c r="P31" s="151">
        <v>4167</v>
      </c>
      <c r="Q31" s="151">
        <v>0</v>
      </c>
      <c r="R31" s="222">
        <v>4167</v>
      </c>
    </row>
    <row r="32" spans="1:18" ht="21" customHeight="1" x14ac:dyDescent="0.15">
      <c r="A32" s="157" t="s">
        <v>49</v>
      </c>
      <c r="B32" s="128">
        <v>0</v>
      </c>
      <c r="C32" s="461">
        <v>76</v>
      </c>
      <c r="D32" s="462"/>
      <c r="E32" s="158">
        <v>0</v>
      </c>
      <c r="F32" s="158">
        <v>76</v>
      </c>
      <c r="G32" s="213">
        <v>0</v>
      </c>
      <c r="H32" s="128">
        <v>0</v>
      </c>
      <c r="I32" s="163">
        <v>0</v>
      </c>
      <c r="J32" s="163">
        <v>2328</v>
      </c>
      <c r="K32" s="163">
        <v>2328</v>
      </c>
      <c r="L32" s="158">
        <v>0</v>
      </c>
      <c r="M32" s="221">
        <v>0</v>
      </c>
      <c r="N32" s="126">
        <v>76</v>
      </c>
      <c r="O32" s="126">
        <v>2328</v>
      </c>
      <c r="P32" s="158">
        <v>2404</v>
      </c>
      <c r="Q32" s="158">
        <v>0</v>
      </c>
      <c r="R32" s="223">
        <v>2404</v>
      </c>
    </row>
    <row r="33" spans="1:18" ht="21" customHeight="1" x14ac:dyDescent="0.15">
      <c r="A33" s="139" t="s">
        <v>50</v>
      </c>
      <c r="B33" s="137">
        <v>0</v>
      </c>
      <c r="C33" s="459">
        <v>47</v>
      </c>
      <c r="D33" s="460"/>
      <c r="E33" s="135">
        <v>0</v>
      </c>
      <c r="F33" s="135">
        <v>47</v>
      </c>
      <c r="G33" s="216">
        <v>0</v>
      </c>
      <c r="H33" s="137">
        <v>0</v>
      </c>
      <c r="I33" s="138">
        <v>0</v>
      </c>
      <c r="J33" s="138">
        <v>986</v>
      </c>
      <c r="K33" s="138">
        <v>986</v>
      </c>
      <c r="L33" s="135">
        <v>0</v>
      </c>
      <c r="M33" s="217">
        <v>0</v>
      </c>
      <c r="N33" s="138">
        <v>47</v>
      </c>
      <c r="O33" s="218">
        <v>986</v>
      </c>
      <c r="P33" s="135">
        <v>1033</v>
      </c>
      <c r="Q33" s="135">
        <v>0</v>
      </c>
      <c r="R33" s="216">
        <v>1033</v>
      </c>
    </row>
    <row r="34" spans="1:18" ht="21" customHeight="1" x14ac:dyDescent="0.15">
      <c r="A34" s="139" t="s">
        <v>51</v>
      </c>
      <c r="B34" s="137">
        <v>0</v>
      </c>
      <c r="C34" s="459">
        <v>115</v>
      </c>
      <c r="D34" s="460"/>
      <c r="E34" s="135">
        <v>0</v>
      </c>
      <c r="F34" s="135">
        <v>115</v>
      </c>
      <c r="G34" s="216">
        <v>0</v>
      </c>
      <c r="H34" s="137">
        <v>0</v>
      </c>
      <c r="I34" s="138">
        <v>1023</v>
      </c>
      <c r="J34" s="138">
        <v>0</v>
      </c>
      <c r="K34" s="138">
        <v>1023</v>
      </c>
      <c r="L34" s="135">
        <v>0</v>
      </c>
      <c r="M34" s="217">
        <v>0</v>
      </c>
      <c r="N34" s="138">
        <v>1138</v>
      </c>
      <c r="O34" s="218">
        <v>0</v>
      </c>
      <c r="P34" s="135">
        <v>1138</v>
      </c>
      <c r="Q34" s="135">
        <v>0</v>
      </c>
      <c r="R34" s="216">
        <v>1138</v>
      </c>
    </row>
    <row r="35" spans="1:18" ht="21" customHeight="1" x14ac:dyDescent="0.15">
      <c r="A35" s="139" t="s">
        <v>52</v>
      </c>
      <c r="B35" s="137">
        <v>0</v>
      </c>
      <c r="C35" s="459">
        <v>440</v>
      </c>
      <c r="D35" s="460"/>
      <c r="E35" s="135">
        <v>0</v>
      </c>
      <c r="F35" s="135">
        <v>440</v>
      </c>
      <c r="G35" s="216">
        <v>0</v>
      </c>
      <c r="H35" s="137">
        <v>0</v>
      </c>
      <c r="I35" s="138">
        <v>2618</v>
      </c>
      <c r="J35" s="138">
        <v>0</v>
      </c>
      <c r="K35" s="138">
        <v>2618</v>
      </c>
      <c r="L35" s="135">
        <v>0</v>
      </c>
      <c r="M35" s="217">
        <v>0</v>
      </c>
      <c r="N35" s="138">
        <v>3058</v>
      </c>
      <c r="O35" s="134">
        <v>0</v>
      </c>
      <c r="P35" s="135">
        <v>3058</v>
      </c>
      <c r="Q35" s="135">
        <v>0</v>
      </c>
      <c r="R35" s="216">
        <v>3058</v>
      </c>
    </row>
    <row r="36" spans="1:18" ht="21" customHeight="1" thickBot="1" x14ac:dyDescent="0.2">
      <c r="A36" s="145" t="s">
        <v>53</v>
      </c>
      <c r="B36" s="153">
        <v>0</v>
      </c>
      <c r="C36" s="463">
        <v>59</v>
      </c>
      <c r="D36" s="464"/>
      <c r="E36" s="151">
        <v>0</v>
      </c>
      <c r="F36" s="151">
        <v>59</v>
      </c>
      <c r="G36" s="219">
        <v>0</v>
      </c>
      <c r="H36" s="153">
        <v>0</v>
      </c>
      <c r="I36" s="161">
        <v>0</v>
      </c>
      <c r="J36" s="154">
        <v>2275</v>
      </c>
      <c r="K36" s="154">
        <v>2275</v>
      </c>
      <c r="L36" s="168">
        <v>0</v>
      </c>
      <c r="M36" s="220">
        <v>0</v>
      </c>
      <c r="N36" s="161">
        <v>59</v>
      </c>
      <c r="O36" s="161">
        <v>2275</v>
      </c>
      <c r="P36" s="168">
        <v>2334</v>
      </c>
      <c r="Q36" s="168">
        <v>0</v>
      </c>
      <c r="R36" s="219">
        <v>2334</v>
      </c>
    </row>
    <row r="37" spans="1:18" ht="21" customHeight="1" x14ac:dyDescent="0.15">
      <c r="A37" s="157" t="s">
        <v>54</v>
      </c>
      <c r="B37" s="128">
        <v>0</v>
      </c>
      <c r="C37" s="461">
        <v>321</v>
      </c>
      <c r="D37" s="462"/>
      <c r="E37" s="158">
        <v>0</v>
      </c>
      <c r="F37" s="158">
        <v>321</v>
      </c>
      <c r="G37" s="213">
        <v>0</v>
      </c>
      <c r="H37" s="128">
        <v>0</v>
      </c>
      <c r="I37" s="163">
        <v>0</v>
      </c>
      <c r="J37" s="126">
        <v>8606</v>
      </c>
      <c r="K37" s="126">
        <v>8606</v>
      </c>
      <c r="L37" s="214">
        <v>0</v>
      </c>
      <c r="M37" s="221">
        <v>0</v>
      </c>
      <c r="N37" s="126">
        <v>321</v>
      </c>
      <c r="O37" s="126">
        <v>8606</v>
      </c>
      <c r="P37" s="214">
        <v>8927</v>
      </c>
      <c r="Q37" s="214">
        <v>0</v>
      </c>
      <c r="R37" s="213">
        <v>8927</v>
      </c>
    </row>
    <row r="38" spans="1:18" ht="21" customHeight="1" x14ac:dyDescent="0.15">
      <c r="A38" s="139" t="s">
        <v>55</v>
      </c>
      <c r="B38" s="137">
        <v>0</v>
      </c>
      <c r="C38" s="459">
        <v>72</v>
      </c>
      <c r="D38" s="460"/>
      <c r="E38" s="135">
        <v>0</v>
      </c>
      <c r="F38" s="135">
        <v>72</v>
      </c>
      <c r="G38" s="216">
        <v>0</v>
      </c>
      <c r="H38" s="137">
        <v>0</v>
      </c>
      <c r="I38" s="138">
        <v>3430</v>
      </c>
      <c r="J38" s="138">
        <v>0</v>
      </c>
      <c r="K38" s="138">
        <v>3430</v>
      </c>
      <c r="L38" s="135">
        <v>0</v>
      </c>
      <c r="M38" s="217">
        <v>0</v>
      </c>
      <c r="N38" s="138">
        <v>3502</v>
      </c>
      <c r="O38" s="218">
        <v>0</v>
      </c>
      <c r="P38" s="135">
        <v>3502</v>
      </c>
      <c r="Q38" s="135">
        <v>0</v>
      </c>
      <c r="R38" s="216">
        <v>3502</v>
      </c>
    </row>
    <row r="39" spans="1:18" ht="21" customHeight="1" x14ac:dyDescent="0.15">
      <c r="A39" s="139" t="s">
        <v>56</v>
      </c>
      <c r="B39" s="137">
        <v>0</v>
      </c>
      <c r="C39" s="459">
        <v>106</v>
      </c>
      <c r="D39" s="460"/>
      <c r="E39" s="135">
        <v>0</v>
      </c>
      <c r="F39" s="135">
        <v>106</v>
      </c>
      <c r="G39" s="216">
        <v>0</v>
      </c>
      <c r="H39" s="137">
        <v>0</v>
      </c>
      <c r="I39" s="138">
        <v>0</v>
      </c>
      <c r="J39" s="138">
        <v>3693</v>
      </c>
      <c r="K39" s="138">
        <v>3693</v>
      </c>
      <c r="L39" s="135">
        <v>0</v>
      </c>
      <c r="M39" s="217">
        <v>0</v>
      </c>
      <c r="N39" s="138">
        <v>106</v>
      </c>
      <c r="O39" s="218">
        <v>3693</v>
      </c>
      <c r="P39" s="135">
        <v>3799</v>
      </c>
      <c r="Q39" s="135">
        <v>0</v>
      </c>
      <c r="R39" s="216">
        <v>3799</v>
      </c>
    </row>
    <row r="40" spans="1:18" ht="21" customHeight="1" x14ac:dyDescent="0.15">
      <c r="A40" s="139" t="s">
        <v>57</v>
      </c>
      <c r="B40" s="137">
        <v>241</v>
      </c>
      <c r="C40" s="459">
        <v>0</v>
      </c>
      <c r="D40" s="460"/>
      <c r="E40" s="135">
        <v>0</v>
      </c>
      <c r="F40" s="135">
        <v>241</v>
      </c>
      <c r="G40" s="216">
        <v>0</v>
      </c>
      <c r="H40" s="137">
        <v>3672</v>
      </c>
      <c r="I40" s="138">
        <v>0</v>
      </c>
      <c r="J40" s="138">
        <v>0</v>
      </c>
      <c r="K40" s="138">
        <v>3672</v>
      </c>
      <c r="L40" s="135">
        <v>0</v>
      </c>
      <c r="M40" s="217">
        <v>3913</v>
      </c>
      <c r="N40" s="138">
        <v>0</v>
      </c>
      <c r="O40" s="134">
        <v>0</v>
      </c>
      <c r="P40" s="135">
        <v>3913</v>
      </c>
      <c r="Q40" s="135">
        <v>0</v>
      </c>
      <c r="R40" s="216">
        <v>3913</v>
      </c>
    </row>
    <row r="41" spans="1:18" ht="21" customHeight="1" thickBot="1" x14ac:dyDescent="0.2">
      <c r="A41" s="145" t="s">
        <v>58</v>
      </c>
      <c r="B41" s="153">
        <v>0</v>
      </c>
      <c r="C41" s="463">
        <v>29</v>
      </c>
      <c r="D41" s="464"/>
      <c r="E41" s="151">
        <v>0</v>
      </c>
      <c r="F41" s="151">
        <v>29</v>
      </c>
      <c r="G41" s="219">
        <v>0</v>
      </c>
      <c r="H41" s="153">
        <v>0</v>
      </c>
      <c r="I41" s="161">
        <v>140</v>
      </c>
      <c r="J41" s="161">
        <v>0</v>
      </c>
      <c r="K41" s="161">
        <v>140</v>
      </c>
      <c r="L41" s="151">
        <v>0</v>
      </c>
      <c r="M41" s="220">
        <v>0</v>
      </c>
      <c r="N41" s="161">
        <v>169</v>
      </c>
      <c r="O41" s="161">
        <v>0</v>
      </c>
      <c r="P41" s="151">
        <v>169</v>
      </c>
      <c r="Q41" s="151">
        <v>0</v>
      </c>
      <c r="R41" s="216">
        <v>169</v>
      </c>
    </row>
    <row r="42" spans="1:18" ht="21" customHeight="1" thickBot="1" x14ac:dyDescent="0.2">
      <c r="A42" s="169" t="s">
        <v>95</v>
      </c>
      <c r="B42" s="177">
        <v>241</v>
      </c>
      <c r="C42" s="468">
        <v>2394</v>
      </c>
      <c r="D42" s="469"/>
      <c r="E42" s="227">
        <v>66</v>
      </c>
      <c r="F42" s="228">
        <v>2701</v>
      </c>
      <c r="G42" s="225">
        <v>0</v>
      </c>
      <c r="H42" s="177">
        <v>3672</v>
      </c>
      <c r="I42" s="185">
        <v>11108</v>
      </c>
      <c r="J42" s="185">
        <v>33546</v>
      </c>
      <c r="K42" s="228">
        <v>48326</v>
      </c>
      <c r="L42" s="225">
        <v>0</v>
      </c>
      <c r="M42" s="177">
        <v>3913</v>
      </c>
      <c r="N42" s="175">
        <v>13502</v>
      </c>
      <c r="O42" s="185">
        <v>33612</v>
      </c>
      <c r="P42" s="175">
        <v>51027</v>
      </c>
      <c r="Q42" s="175">
        <v>0</v>
      </c>
      <c r="R42" s="229">
        <v>51027</v>
      </c>
    </row>
    <row r="43" spans="1:18" ht="21" customHeight="1" thickBot="1" x14ac:dyDescent="0.2">
      <c r="A43" s="111" t="s">
        <v>96</v>
      </c>
      <c r="B43" s="187">
        <v>15933</v>
      </c>
      <c r="C43" s="468">
        <v>15602</v>
      </c>
      <c r="D43" s="469"/>
      <c r="E43" s="230">
        <v>3129</v>
      </c>
      <c r="F43" s="231">
        <v>34664</v>
      </c>
      <c r="G43" s="232">
        <v>10</v>
      </c>
      <c r="H43" s="187">
        <v>40361</v>
      </c>
      <c r="I43" s="231">
        <v>66859</v>
      </c>
      <c r="J43" s="231">
        <v>161061</v>
      </c>
      <c r="K43" s="231">
        <v>268281</v>
      </c>
      <c r="L43" s="232">
        <v>279</v>
      </c>
      <c r="M43" s="187">
        <v>56294</v>
      </c>
      <c r="N43" s="189">
        <v>82461</v>
      </c>
      <c r="O43" s="231">
        <v>164190</v>
      </c>
      <c r="P43" s="189">
        <v>302945</v>
      </c>
      <c r="Q43" s="189">
        <v>289</v>
      </c>
      <c r="R43" s="225">
        <v>303234</v>
      </c>
    </row>
    <row r="44" spans="1:18" ht="16.5" customHeight="1" x14ac:dyDescent="0.15">
      <c r="A44" s="79"/>
      <c r="B44" s="2"/>
      <c r="C44" s="2"/>
      <c r="P44" s="233"/>
    </row>
  </sheetData>
  <mergeCells count="46">
    <mergeCell ref="C43:D43"/>
    <mergeCell ref="C32:D32"/>
    <mergeCell ref="C33:D33"/>
    <mergeCell ref="C34:D34"/>
    <mergeCell ref="C35:D35"/>
    <mergeCell ref="C36:D36"/>
    <mergeCell ref="C37:D37"/>
    <mergeCell ref="C38:D38"/>
    <mergeCell ref="C39:D39"/>
    <mergeCell ref="C40:D40"/>
    <mergeCell ref="C41:D41"/>
    <mergeCell ref="C42:D42"/>
    <mergeCell ref="C31:D31"/>
    <mergeCell ref="C20:D20"/>
    <mergeCell ref="C21:D21"/>
    <mergeCell ref="C22:D22"/>
    <mergeCell ref="C23:D23"/>
    <mergeCell ref="C24:D24"/>
    <mergeCell ref="C25:D25"/>
    <mergeCell ref="C26:D26"/>
    <mergeCell ref="C27:D27"/>
    <mergeCell ref="C28:D28"/>
    <mergeCell ref="C29:D29"/>
    <mergeCell ref="C30:D30"/>
    <mergeCell ref="C19:D19"/>
    <mergeCell ref="C8:D8"/>
    <mergeCell ref="C9:D9"/>
    <mergeCell ref="C10:D10"/>
    <mergeCell ref="C11:D11"/>
    <mergeCell ref="C12:D12"/>
    <mergeCell ref="C13:D13"/>
    <mergeCell ref="C14:D14"/>
    <mergeCell ref="C15:D15"/>
    <mergeCell ref="C16:D16"/>
    <mergeCell ref="C17:D17"/>
    <mergeCell ref="C18:D18"/>
    <mergeCell ref="C4:F4"/>
    <mergeCell ref="I4:K4"/>
    <mergeCell ref="M4:R4"/>
    <mergeCell ref="A5:A6"/>
    <mergeCell ref="B5:F5"/>
    <mergeCell ref="G5:G7"/>
    <mergeCell ref="H5:K5"/>
    <mergeCell ref="L5:L7"/>
    <mergeCell ref="M5:P5"/>
    <mergeCell ref="C7:D7"/>
  </mergeCells>
  <phoneticPr fontId="2"/>
  <conditionalFormatting sqref="B8:R43">
    <cfRule type="cellIs" dxfId="7" priority="1" operator="equal">
      <formula>0</formula>
    </cfRule>
  </conditionalFormatting>
  <pageMargins left="0.59055118110236227" right="0.59055118110236227" top="0.78740157480314965" bottom="0.78740157480314965" header="0.51181102362204722" footer="0.39370078740157483"/>
  <pageSetup paperSize="9" scale="80" orientation="portrait" r:id="rId1"/>
  <headerFooter alignWithMargins="0"/>
  <colBreaks count="1" manualBreakCount="1">
    <brk id="10" max="42" man="1"/>
  </colBreaks>
  <legacy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8"/>
  <dimension ref="A1:Q63"/>
  <sheetViews>
    <sheetView zoomScaleNormal="100" zoomScaleSheetLayoutView="100" workbookViewId="0">
      <pane xSplit="1" ySplit="9" topLeftCell="B27" activePane="bottomRight" state="frozen"/>
      <selection activeCell="B10" sqref="B10"/>
      <selection pane="topRight" activeCell="B10" sqref="B10"/>
      <selection pane="bottomLeft" activeCell="B10" sqref="B10"/>
      <selection pane="bottomRight" activeCell="T26" sqref="T26"/>
    </sheetView>
  </sheetViews>
  <sheetFormatPr defaultColWidth="9" defaultRowHeight="16.5" customHeight="1" x14ac:dyDescent="0.15"/>
  <cols>
    <col min="1" max="1" width="18.625" style="9" customWidth="1"/>
    <col min="2" max="2" width="4.375" style="2" customWidth="1"/>
    <col min="3" max="3" width="8.625" style="2" customWidth="1"/>
    <col min="4" max="4" width="8.125" style="235" customWidth="1"/>
    <col min="5" max="5" width="12.5" style="2" customWidth="1"/>
    <col min="6" max="6" width="8.125" style="235" customWidth="1"/>
    <col min="7" max="7" width="12.5" style="2" customWidth="1"/>
    <col min="8" max="8" width="8.125" style="235" customWidth="1"/>
    <col min="9" max="9" width="5.625" style="235" customWidth="1"/>
    <col min="10" max="10" width="8.625" style="81" customWidth="1"/>
    <col min="11" max="11" width="8.125" style="233" customWidth="1"/>
    <col min="12" max="12" width="12.375" style="2" customWidth="1"/>
    <col min="13" max="13" width="8.125" style="235" customWidth="1"/>
    <col min="14" max="14" width="12.375" style="2" customWidth="1"/>
    <col min="15" max="15" width="8.125" style="235" customWidth="1"/>
    <col min="16" max="16" width="12.5" style="2" customWidth="1"/>
    <col min="17" max="17" width="10" style="2" customWidth="1"/>
    <col min="18" max="16384" width="9" style="2"/>
  </cols>
  <sheetData>
    <row r="1" spans="1:17" ht="16.5" customHeight="1" x14ac:dyDescent="0.15">
      <c r="A1" s="1" t="s">
        <v>200</v>
      </c>
      <c r="B1" s="1"/>
      <c r="C1" s="1"/>
      <c r="D1" s="234"/>
      <c r="J1" s="1"/>
      <c r="K1" s="236"/>
    </row>
    <row r="2" spans="1:17" ht="9" customHeight="1" x14ac:dyDescent="0.15">
      <c r="A2" s="3"/>
      <c r="B2" s="3"/>
      <c r="C2" s="3"/>
      <c r="D2" s="237"/>
      <c r="J2" s="3"/>
      <c r="K2" s="238"/>
      <c r="P2" s="84"/>
    </row>
    <row r="3" spans="1:17" s="6" customFormat="1" ht="16.5" customHeight="1" thickBot="1" x14ac:dyDescent="0.2">
      <c r="A3" s="5" t="s">
        <v>128</v>
      </c>
      <c r="B3" s="7"/>
      <c r="C3" s="7"/>
      <c r="D3" s="239"/>
      <c r="F3" s="239"/>
      <c r="H3" s="239"/>
      <c r="I3" s="239"/>
      <c r="J3" s="88"/>
      <c r="K3" s="240"/>
      <c r="M3" s="239"/>
      <c r="O3" s="239"/>
      <c r="Q3" s="194" t="s">
        <v>129</v>
      </c>
    </row>
    <row r="4" spans="1:17" s="81" customFormat="1" ht="15.75" customHeight="1" thickBot="1" x14ac:dyDescent="0.2">
      <c r="A4" s="241"/>
      <c r="B4" s="473" t="s">
        <v>130</v>
      </c>
      <c r="C4" s="474"/>
      <c r="D4" s="474"/>
      <c r="E4" s="474"/>
      <c r="F4" s="474"/>
      <c r="G4" s="474"/>
      <c r="H4" s="474"/>
      <c r="I4" s="474"/>
      <c r="J4" s="474"/>
      <c r="K4" s="474"/>
      <c r="L4" s="474"/>
      <c r="M4" s="474"/>
      <c r="N4" s="474"/>
      <c r="O4" s="474"/>
      <c r="P4" s="475"/>
      <c r="Q4" s="117" t="s">
        <v>131</v>
      </c>
    </row>
    <row r="5" spans="1:17" s="81" customFormat="1" ht="15.75" customHeight="1" x14ac:dyDescent="0.15">
      <c r="A5" s="242"/>
      <c r="B5" s="243"/>
      <c r="C5" s="243"/>
      <c r="D5" s="243"/>
      <c r="E5" s="243"/>
      <c r="F5" s="243"/>
      <c r="G5" s="243"/>
      <c r="H5" s="243"/>
      <c r="I5" s="243"/>
      <c r="J5" s="243"/>
      <c r="K5" s="243"/>
      <c r="L5" s="243"/>
      <c r="M5" s="243"/>
      <c r="N5" s="243"/>
      <c r="O5" s="243"/>
      <c r="P5" s="244" t="s">
        <v>112</v>
      </c>
      <c r="Q5" s="476" t="s">
        <v>132</v>
      </c>
    </row>
    <row r="6" spans="1:17" s="81" customFormat="1" ht="15.75" customHeight="1" x14ac:dyDescent="0.15">
      <c r="A6" s="242" t="s">
        <v>70</v>
      </c>
      <c r="B6" s="478" t="s">
        <v>133</v>
      </c>
      <c r="C6" s="478"/>
      <c r="D6" s="245"/>
      <c r="E6" s="246" t="s">
        <v>107</v>
      </c>
      <c r="F6" s="247"/>
      <c r="G6" s="246" t="s">
        <v>108</v>
      </c>
      <c r="H6" s="247"/>
      <c r="I6" s="246" t="s">
        <v>134</v>
      </c>
      <c r="J6" s="248"/>
      <c r="K6" s="249"/>
      <c r="L6" s="4" t="s">
        <v>135</v>
      </c>
      <c r="M6" s="247"/>
      <c r="N6" s="246" t="s">
        <v>111</v>
      </c>
      <c r="O6" s="250"/>
      <c r="P6" s="479" t="s">
        <v>136</v>
      </c>
      <c r="Q6" s="476"/>
    </row>
    <row r="7" spans="1:17" s="81" customFormat="1" ht="15.75" customHeight="1" x14ac:dyDescent="0.15">
      <c r="A7" s="242"/>
      <c r="B7" s="480" t="s">
        <v>137</v>
      </c>
      <c r="C7" s="481"/>
      <c r="D7" s="470" t="s">
        <v>138</v>
      </c>
      <c r="E7" s="484" t="s">
        <v>139</v>
      </c>
      <c r="F7" s="486" t="s">
        <v>140</v>
      </c>
      <c r="G7" s="484" t="s">
        <v>141</v>
      </c>
      <c r="H7" s="470" t="s">
        <v>142</v>
      </c>
      <c r="I7" s="489" t="s">
        <v>143</v>
      </c>
      <c r="J7" s="490"/>
      <c r="K7" s="470" t="s">
        <v>144</v>
      </c>
      <c r="L7" s="493" t="s">
        <v>145</v>
      </c>
      <c r="M7" s="470" t="s">
        <v>146</v>
      </c>
      <c r="N7" s="495" t="s">
        <v>147</v>
      </c>
      <c r="O7" s="470" t="s">
        <v>148</v>
      </c>
      <c r="P7" s="479"/>
      <c r="Q7" s="476"/>
    </row>
    <row r="8" spans="1:17" s="81" customFormat="1" ht="15.75" customHeight="1" x14ac:dyDescent="0.15">
      <c r="A8" s="242"/>
      <c r="B8" s="480"/>
      <c r="C8" s="481"/>
      <c r="D8" s="471"/>
      <c r="E8" s="484"/>
      <c r="F8" s="487"/>
      <c r="G8" s="484"/>
      <c r="H8" s="471"/>
      <c r="I8" s="489"/>
      <c r="J8" s="490"/>
      <c r="K8" s="471"/>
      <c r="L8" s="493"/>
      <c r="M8" s="471"/>
      <c r="N8" s="495"/>
      <c r="O8" s="471"/>
      <c r="P8" s="479"/>
      <c r="Q8" s="476"/>
    </row>
    <row r="9" spans="1:17" s="81" customFormat="1" ht="15.75" customHeight="1" thickBot="1" x14ac:dyDescent="0.2">
      <c r="A9" s="251"/>
      <c r="B9" s="482"/>
      <c r="C9" s="483"/>
      <c r="D9" s="472"/>
      <c r="E9" s="485"/>
      <c r="F9" s="488"/>
      <c r="G9" s="485"/>
      <c r="H9" s="472"/>
      <c r="I9" s="491"/>
      <c r="J9" s="492"/>
      <c r="K9" s="472"/>
      <c r="L9" s="494"/>
      <c r="M9" s="472"/>
      <c r="N9" s="496"/>
      <c r="O9" s="472"/>
      <c r="P9" s="252" t="s">
        <v>149</v>
      </c>
      <c r="Q9" s="477"/>
    </row>
    <row r="10" spans="1:17" ht="17.25" customHeight="1" x14ac:dyDescent="0.15">
      <c r="A10" s="157" t="s">
        <v>25</v>
      </c>
      <c r="B10" s="174" t="s">
        <v>150</v>
      </c>
      <c r="C10" s="253">
        <v>0</v>
      </c>
      <c r="D10" s="254">
        <v>0</v>
      </c>
      <c r="E10" s="123">
        <v>0</v>
      </c>
      <c r="F10" s="254">
        <v>0</v>
      </c>
      <c r="G10" s="123">
        <v>0</v>
      </c>
      <c r="H10" s="255">
        <v>0</v>
      </c>
      <c r="I10" s="254" t="s">
        <v>151</v>
      </c>
      <c r="J10" s="218">
        <v>34350</v>
      </c>
      <c r="K10" s="256">
        <v>100</v>
      </c>
      <c r="L10" s="123">
        <v>0</v>
      </c>
      <c r="M10" s="255">
        <v>0</v>
      </c>
      <c r="N10" s="164">
        <v>0</v>
      </c>
      <c r="O10" s="254">
        <v>0</v>
      </c>
      <c r="P10" s="215">
        <v>34350</v>
      </c>
      <c r="Q10" s="257">
        <v>0</v>
      </c>
    </row>
    <row r="11" spans="1:17" ht="17.25" customHeight="1" x14ac:dyDescent="0.15">
      <c r="A11" s="139" t="s">
        <v>26</v>
      </c>
      <c r="B11" s="258" t="s">
        <v>150</v>
      </c>
      <c r="C11" s="134">
        <v>0</v>
      </c>
      <c r="D11" s="259">
        <v>0</v>
      </c>
      <c r="E11" s="135">
        <v>0</v>
      </c>
      <c r="F11" s="259">
        <v>0</v>
      </c>
      <c r="G11" s="135">
        <v>0</v>
      </c>
      <c r="H11" s="260">
        <v>0</v>
      </c>
      <c r="I11" s="259" t="s">
        <v>151</v>
      </c>
      <c r="J11" s="258">
        <v>39307</v>
      </c>
      <c r="K11" s="261">
        <v>100</v>
      </c>
      <c r="L11" s="135">
        <v>0</v>
      </c>
      <c r="M11" s="260">
        <v>0</v>
      </c>
      <c r="N11" s="138">
        <v>0</v>
      </c>
      <c r="O11" s="259">
        <v>0</v>
      </c>
      <c r="P11" s="216">
        <v>39307</v>
      </c>
      <c r="Q11" s="262">
        <v>0</v>
      </c>
    </row>
    <row r="12" spans="1:17" ht="17.25" customHeight="1" x14ac:dyDescent="0.15">
      <c r="A12" s="139" t="s">
        <v>27</v>
      </c>
      <c r="B12" s="218" t="s">
        <v>151</v>
      </c>
      <c r="C12" s="180">
        <v>26299</v>
      </c>
      <c r="D12" s="263">
        <v>100</v>
      </c>
      <c r="E12" s="158">
        <v>0</v>
      </c>
      <c r="F12" s="263">
        <v>0</v>
      </c>
      <c r="G12" s="158">
        <v>0</v>
      </c>
      <c r="H12" s="264">
        <v>0</v>
      </c>
      <c r="I12" s="263" t="s">
        <v>151</v>
      </c>
      <c r="J12" s="218">
        <v>0</v>
      </c>
      <c r="K12" s="265">
        <v>0</v>
      </c>
      <c r="L12" s="158">
        <v>0</v>
      </c>
      <c r="M12" s="264">
        <v>0</v>
      </c>
      <c r="N12" s="163">
        <v>0</v>
      </c>
      <c r="O12" s="263">
        <v>0</v>
      </c>
      <c r="P12" s="216">
        <v>26299</v>
      </c>
      <c r="Q12" s="262">
        <v>0</v>
      </c>
    </row>
    <row r="13" spans="1:17" ht="17.25" customHeight="1" x14ac:dyDescent="0.15">
      <c r="A13" s="139" t="s">
        <v>28</v>
      </c>
      <c r="B13" s="258" t="s">
        <v>151</v>
      </c>
      <c r="C13" s="134">
        <v>0</v>
      </c>
      <c r="D13" s="259">
        <v>0</v>
      </c>
      <c r="E13" s="135">
        <v>0</v>
      </c>
      <c r="F13" s="259">
        <v>0</v>
      </c>
      <c r="G13" s="135">
        <v>0</v>
      </c>
      <c r="H13" s="260">
        <v>0</v>
      </c>
      <c r="I13" s="259" t="s">
        <v>151</v>
      </c>
      <c r="J13" s="258">
        <v>12631</v>
      </c>
      <c r="K13" s="261">
        <v>100</v>
      </c>
      <c r="L13" s="135">
        <v>0</v>
      </c>
      <c r="M13" s="260">
        <v>0</v>
      </c>
      <c r="N13" s="138">
        <v>0</v>
      </c>
      <c r="O13" s="259">
        <v>0</v>
      </c>
      <c r="P13" s="216">
        <v>12631</v>
      </c>
      <c r="Q13" s="262">
        <v>0</v>
      </c>
    </row>
    <row r="14" spans="1:17" ht="17.25" customHeight="1" thickBot="1" x14ac:dyDescent="0.2">
      <c r="A14" s="145" t="s">
        <v>29</v>
      </c>
      <c r="B14" s="266" t="s">
        <v>152</v>
      </c>
      <c r="C14" s="150">
        <v>5143</v>
      </c>
      <c r="D14" s="267">
        <v>100</v>
      </c>
      <c r="E14" s="151">
        <v>0</v>
      </c>
      <c r="F14" s="267">
        <v>0</v>
      </c>
      <c r="G14" s="151">
        <v>0</v>
      </c>
      <c r="H14" s="268">
        <v>0</v>
      </c>
      <c r="I14" s="267" t="s">
        <v>151</v>
      </c>
      <c r="J14" s="266">
        <v>0</v>
      </c>
      <c r="K14" s="269">
        <v>0</v>
      </c>
      <c r="L14" s="151">
        <v>0</v>
      </c>
      <c r="M14" s="268">
        <v>0</v>
      </c>
      <c r="N14" s="161">
        <v>0</v>
      </c>
      <c r="O14" s="267">
        <v>0</v>
      </c>
      <c r="P14" s="213">
        <v>5143</v>
      </c>
      <c r="Q14" s="270">
        <v>0</v>
      </c>
    </row>
    <row r="15" spans="1:17" ht="17.25" customHeight="1" x14ac:dyDescent="0.15">
      <c r="A15" s="157" t="s">
        <v>30</v>
      </c>
      <c r="B15" s="218" t="s">
        <v>151</v>
      </c>
      <c r="C15" s="180">
        <v>0</v>
      </c>
      <c r="D15" s="263">
        <v>0</v>
      </c>
      <c r="E15" s="158">
        <v>0</v>
      </c>
      <c r="F15" s="263">
        <v>0</v>
      </c>
      <c r="G15" s="158">
        <v>0</v>
      </c>
      <c r="H15" s="264">
        <v>0</v>
      </c>
      <c r="I15" s="263" t="s">
        <v>151</v>
      </c>
      <c r="J15" s="218">
        <v>2938</v>
      </c>
      <c r="K15" s="265">
        <v>100</v>
      </c>
      <c r="L15" s="158">
        <v>0</v>
      </c>
      <c r="M15" s="264">
        <v>0</v>
      </c>
      <c r="N15" s="163">
        <v>0</v>
      </c>
      <c r="O15" s="263">
        <v>0</v>
      </c>
      <c r="P15" s="215">
        <v>2938</v>
      </c>
      <c r="Q15" s="257">
        <v>0</v>
      </c>
    </row>
    <row r="16" spans="1:17" ht="17.25" customHeight="1" x14ac:dyDescent="0.15">
      <c r="A16" s="139" t="s">
        <v>31</v>
      </c>
      <c r="B16" s="258" t="s">
        <v>151</v>
      </c>
      <c r="C16" s="134">
        <v>12828</v>
      </c>
      <c r="D16" s="259">
        <v>100</v>
      </c>
      <c r="E16" s="135">
        <v>0</v>
      </c>
      <c r="F16" s="259">
        <v>0</v>
      </c>
      <c r="G16" s="135">
        <v>0</v>
      </c>
      <c r="H16" s="260">
        <v>0</v>
      </c>
      <c r="I16" s="259" t="s">
        <v>151</v>
      </c>
      <c r="J16" s="258">
        <v>0</v>
      </c>
      <c r="K16" s="261">
        <v>0</v>
      </c>
      <c r="L16" s="135">
        <v>0</v>
      </c>
      <c r="M16" s="260">
        <v>0</v>
      </c>
      <c r="N16" s="138">
        <v>0</v>
      </c>
      <c r="O16" s="259">
        <v>0</v>
      </c>
      <c r="P16" s="216">
        <v>12828</v>
      </c>
      <c r="Q16" s="262">
        <v>0</v>
      </c>
    </row>
    <row r="17" spans="1:17" ht="17.25" customHeight="1" x14ac:dyDescent="0.15">
      <c r="A17" s="139" t="s">
        <v>32</v>
      </c>
      <c r="B17" s="2" t="s">
        <v>151</v>
      </c>
      <c r="C17" s="134">
        <v>0</v>
      </c>
      <c r="D17" s="259">
        <v>0</v>
      </c>
      <c r="E17" s="135">
        <v>0</v>
      </c>
      <c r="F17" s="259">
        <v>0</v>
      </c>
      <c r="G17" s="135">
        <v>0</v>
      </c>
      <c r="H17" s="260">
        <v>0</v>
      </c>
      <c r="I17" s="259" t="s">
        <v>151</v>
      </c>
      <c r="J17" s="258">
        <v>24683</v>
      </c>
      <c r="K17" s="261">
        <v>100</v>
      </c>
      <c r="L17" s="135">
        <v>0</v>
      </c>
      <c r="M17" s="260">
        <v>0</v>
      </c>
      <c r="N17" s="138">
        <v>0</v>
      </c>
      <c r="O17" s="259">
        <v>0</v>
      </c>
      <c r="P17" s="212">
        <v>24683</v>
      </c>
      <c r="Q17" s="262">
        <v>0</v>
      </c>
    </row>
    <row r="18" spans="1:17" ht="17.25" customHeight="1" x14ac:dyDescent="0.15">
      <c r="A18" s="139" t="s">
        <v>33</v>
      </c>
      <c r="B18" s="258" t="s">
        <v>152</v>
      </c>
      <c r="C18" s="134">
        <v>8399</v>
      </c>
      <c r="D18" s="259">
        <v>100</v>
      </c>
      <c r="E18" s="135">
        <v>0</v>
      </c>
      <c r="F18" s="259">
        <v>0</v>
      </c>
      <c r="G18" s="135">
        <v>0</v>
      </c>
      <c r="H18" s="260">
        <v>0</v>
      </c>
      <c r="I18" s="259" t="s">
        <v>151</v>
      </c>
      <c r="J18" s="258">
        <v>0</v>
      </c>
      <c r="K18" s="261">
        <v>0</v>
      </c>
      <c r="L18" s="135">
        <v>0</v>
      </c>
      <c r="M18" s="260">
        <v>0</v>
      </c>
      <c r="N18" s="138">
        <v>0</v>
      </c>
      <c r="O18" s="259">
        <v>0</v>
      </c>
      <c r="P18" s="216">
        <v>8399</v>
      </c>
      <c r="Q18" s="262">
        <v>0</v>
      </c>
    </row>
    <row r="19" spans="1:17" ht="17.25" customHeight="1" thickBot="1" x14ac:dyDescent="0.2">
      <c r="A19" s="145" t="s">
        <v>34</v>
      </c>
      <c r="B19" s="266" t="s">
        <v>151</v>
      </c>
      <c r="C19" s="150">
        <v>0</v>
      </c>
      <c r="D19" s="267">
        <v>0</v>
      </c>
      <c r="E19" s="151">
        <v>0</v>
      </c>
      <c r="F19" s="267">
        <v>0</v>
      </c>
      <c r="G19" s="151">
        <v>0</v>
      </c>
      <c r="H19" s="268">
        <v>0</v>
      </c>
      <c r="I19" s="402" t="s">
        <v>202</v>
      </c>
      <c r="J19" s="266">
        <v>244</v>
      </c>
      <c r="K19" s="269">
        <v>100</v>
      </c>
      <c r="L19" s="151">
        <v>0</v>
      </c>
      <c r="M19" s="268">
        <v>0</v>
      </c>
      <c r="N19" s="161">
        <v>0</v>
      </c>
      <c r="O19" s="267">
        <v>0</v>
      </c>
      <c r="P19" s="213">
        <v>244</v>
      </c>
      <c r="Q19" s="270">
        <v>0</v>
      </c>
    </row>
    <row r="20" spans="1:17" ht="17.25" customHeight="1" x14ac:dyDescent="0.15">
      <c r="A20" s="157" t="s">
        <v>35</v>
      </c>
      <c r="B20" s="218" t="s">
        <v>153</v>
      </c>
      <c r="C20" s="180">
        <v>18775</v>
      </c>
      <c r="D20" s="263">
        <v>100</v>
      </c>
      <c r="E20" s="158">
        <v>0</v>
      </c>
      <c r="F20" s="263">
        <v>0</v>
      </c>
      <c r="G20" s="158">
        <v>0</v>
      </c>
      <c r="H20" s="264">
        <v>0</v>
      </c>
      <c r="I20" s="263" t="s">
        <v>151</v>
      </c>
      <c r="J20" s="218">
        <v>0</v>
      </c>
      <c r="K20" s="265">
        <v>0</v>
      </c>
      <c r="L20" s="158">
        <v>0</v>
      </c>
      <c r="M20" s="264">
        <v>0</v>
      </c>
      <c r="N20" s="163">
        <v>0</v>
      </c>
      <c r="O20" s="263">
        <v>0</v>
      </c>
      <c r="P20" s="215">
        <v>18775</v>
      </c>
      <c r="Q20" s="257">
        <v>0</v>
      </c>
    </row>
    <row r="21" spans="1:17" ht="17.25" customHeight="1" x14ac:dyDescent="0.15">
      <c r="A21" s="139" t="s">
        <v>36</v>
      </c>
      <c r="B21" s="258" t="s">
        <v>151</v>
      </c>
      <c r="C21" s="134">
        <v>0</v>
      </c>
      <c r="D21" s="259">
        <v>0</v>
      </c>
      <c r="E21" s="135">
        <v>0</v>
      </c>
      <c r="F21" s="259">
        <v>0</v>
      </c>
      <c r="G21" s="135">
        <v>0</v>
      </c>
      <c r="H21" s="260">
        <v>0</v>
      </c>
      <c r="I21" s="259" t="s">
        <v>151</v>
      </c>
      <c r="J21" s="258">
        <v>13502</v>
      </c>
      <c r="K21" s="261">
        <v>100</v>
      </c>
      <c r="L21" s="135">
        <v>0</v>
      </c>
      <c r="M21" s="260">
        <v>0</v>
      </c>
      <c r="N21" s="138">
        <v>0</v>
      </c>
      <c r="O21" s="259">
        <v>0</v>
      </c>
      <c r="P21" s="216">
        <v>13502</v>
      </c>
      <c r="Q21" s="262">
        <v>289</v>
      </c>
    </row>
    <row r="22" spans="1:17" ht="17.25" customHeight="1" x14ac:dyDescent="0.15">
      <c r="A22" s="139" t="s">
        <v>37</v>
      </c>
      <c r="B22" s="2" t="s">
        <v>151</v>
      </c>
      <c r="C22" s="134">
        <v>13525</v>
      </c>
      <c r="D22" s="259">
        <v>100</v>
      </c>
      <c r="E22" s="135">
        <v>0</v>
      </c>
      <c r="F22" s="259">
        <v>0</v>
      </c>
      <c r="G22" s="135">
        <v>0</v>
      </c>
      <c r="H22" s="260">
        <v>0</v>
      </c>
      <c r="I22" s="259" t="s">
        <v>151</v>
      </c>
      <c r="J22" s="258">
        <v>0</v>
      </c>
      <c r="K22" s="261">
        <v>0</v>
      </c>
      <c r="L22" s="135">
        <v>0</v>
      </c>
      <c r="M22" s="260">
        <v>0</v>
      </c>
      <c r="N22" s="138">
        <v>0</v>
      </c>
      <c r="O22" s="259">
        <v>0</v>
      </c>
      <c r="P22" s="216">
        <v>13525</v>
      </c>
      <c r="Q22" s="262">
        <v>0</v>
      </c>
    </row>
    <row r="23" spans="1:17" ht="17.25" customHeight="1" x14ac:dyDescent="0.15">
      <c r="A23" s="139" t="s">
        <v>38</v>
      </c>
      <c r="B23" s="258" t="s">
        <v>151</v>
      </c>
      <c r="C23" s="134">
        <v>0</v>
      </c>
      <c r="D23" s="259">
        <v>0</v>
      </c>
      <c r="E23" s="135">
        <v>0</v>
      </c>
      <c r="F23" s="259">
        <v>0</v>
      </c>
      <c r="G23" s="135">
        <v>0</v>
      </c>
      <c r="H23" s="260">
        <v>0</v>
      </c>
      <c r="I23" s="259" t="s">
        <v>151</v>
      </c>
      <c r="J23" s="258">
        <v>3489</v>
      </c>
      <c r="K23" s="261">
        <v>100</v>
      </c>
      <c r="L23" s="135">
        <v>0</v>
      </c>
      <c r="M23" s="260">
        <v>0</v>
      </c>
      <c r="N23" s="138">
        <v>0</v>
      </c>
      <c r="O23" s="259">
        <v>0</v>
      </c>
      <c r="P23" s="216">
        <v>3489</v>
      </c>
      <c r="Q23" s="262">
        <v>0</v>
      </c>
    </row>
    <row r="24" spans="1:17" ht="17.25" customHeight="1" thickBot="1" x14ac:dyDescent="0.2">
      <c r="A24" s="145" t="s">
        <v>39</v>
      </c>
      <c r="B24" s="266" t="s">
        <v>151</v>
      </c>
      <c r="C24" s="150">
        <v>0</v>
      </c>
      <c r="D24" s="267">
        <v>0</v>
      </c>
      <c r="E24" s="151">
        <v>0</v>
      </c>
      <c r="F24" s="267">
        <v>0</v>
      </c>
      <c r="G24" s="151">
        <v>0</v>
      </c>
      <c r="H24" s="268">
        <v>0</v>
      </c>
      <c r="I24" s="267" t="s">
        <v>151</v>
      </c>
      <c r="J24" s="266">
        <v>13176</v>
      </c>
      <c r="K24" s="269">
        <v>100</v>
      </c>
      <c r="L24" s="151">
        <v>0</v>
      </c>
      <c r="M24" s="268">
        <v>0</v>
      </c>
      <c r="N24" s="161">
        <v>0</v>
      </c>
      <c r="O24" s="267">
        <v>0</v>
      </c>
      <c r="P24" s="213">
        <v>13176</v>
      </c>
      <c r="Q24" s="270">
        <v>0</v>
      </c>
    </row>
    <row r="25" spans="1:17" ht="17.25" customHeight="1" x14ac:dyDescent="0.15">
      <c r="A25" s="157" t="s">
        <v>40</v>
      </c>
      <c r="B25" s="218" t="s">
        <v>154</v>
      </c>
      <c r="C25" s="180">
        <v>3133</v>
      </c>
      <c r="D25" s="263">
        <v>100</v>
      </c>
      <c r="E25" s="158">
        <v>0</v>
      </c>
      <c r="F25" s="263">
        <v>0</v>
      </c>
      <c r="G25" s="158">
        <v>0</v>
      </c>
      <c r="H25" s="264">
        <v>0</v>
      </c>
      <c r="I25" s="263" t="s">
        <v>151</v>
      </c>
      <c r="J25" s="218">
        <v>0</v>
      </c>
      <c r="K25" s="265">
        <v>0</v>
      </c>
      <c r="L25" s="158">
        <v>0</v>
      </c>
      <c r="M25" s="264">
        <v>0</v>
      </c>
      <c r="N25" s="163">
        <v>0</v>
      </c>
      <c r="O25" s="263">
        <v>0</v>
      </c>
      <c r="P25" s="215">
        <v>3133</v>
      </c>
      <c r="Q25" s="257">
        <v>0</v>
      </c>
    </row>
    <row r="26" spans="1:17" ht="17.25" customHeight="1" x14ac:dyDescent="0.15">
      <c r="A26" s="139" t="s">
        <v>41</v>
      </c>
      <c r="B26" s="258" t="s">
        <v>154</v>
      </c>
      <c r="C26" s="134">
        <v>3429</v>
      </c>
      <c r="D26" s="259">
        <v>100</v>
      </c>
      <c r="E26" s="135">
        <v>0</v>
      </c>
      <c r="F26" s="259">
        <v>0</v>
      </c>
      <c r="G26" s="135">
        <v>0</v>
      </c>
      <c r="H26" s="260">
        <v>0</v>
      </c>
      <c r="I26" s="259" t="s">
        <v>151</v>
      </c>
      <c r="J26" s="258">
        <v>0</v>
      </c>
      <c r="K26" s="261">
        <v>0</v>
      </c>
      <c r="L26" s="135">
        <v>0</v>
      </c>
      <c r="M26" s="260">
        <v>0</v>
      </c>
      <c r="N26" s="138">
        <v>0</v>
      </c>
      <c r="O26" s="259">
        <v>0</v>
      </c>
      <c r="P26" s="216">
        <v>3429</v>
      </c>
      <c r="Q26" s="262">
        <v>0</v>
      </c>
    </row>
    <row r="27" spans="1:17" ht="17.25" customHeight="1" x14ac:dyDescent="0.15">
      <c r="A27" s="139" t="s">
        <v>42</v>
      </c>
      <c r="B27" s="258" t="s">
        <v>154</v>
      </c>
      <c r="C27" s="134">
        <v>11856</v>
      </c>
      <c r="D27" s="259">
        <v>100</v>
      </c>
      <c r="E27" s="135">
        <v>0</v>
      </c>
      <c r="F27" s="259">
        <v>0</v>
      </c>
      <c r="G27" s="135">
        <v>0</v>
      </c>
      <c r="H27" s="260">
        <v>0</v>
      </c>
      <c r="I27" s="259" t="s">
        <v>151</v>
      </c>
      <c r="J27" s="258">
        <v>0</v>
      </c>
      <c r="K27" s="261">
        <v>0</v>
      </c>
      <c r="L27" s="135">
        <v>0</v>
      </c>
      <c r="M27" s="260">
        <v>0</v>
      </c>
      <c r="N27" s="138">
        <v>0</v>
      </c>
      <c r="O27" s="259">
        <v>0</v>
      </c>
      <c r="P27" s="216">
        <v>11856</v>
      </c>
      <c r="Q27" s="262">
        <v>0</v>
      </c>
    </row>
    <row r="28" spans="1:17" ht="17.25" customHeight="1" thickBot="1" x14ac:dyDescent="0.2">
      <c r="A28" s="165" t="s">
        <v>43</v>
      </c>
      <c r="B28" s="271" t="s">
        <v>154</v>
      </c>
      <c r="C28" s="182">
        <v>4211</v>
      </c>
      <c r="D28" s="272">
        <v>100</v>
      </c>
      <c r="E28" s="168">
        <v>0</v>
      </c>
      <c r="F28" s="272">
        <v>0</v>
      </c>
      <c r="G28" s="168">
        <v>0</v>
      </c>
      <c r="H28" s="273">
        <v>0</v>
      </c>
      <c r="I28" s="272" t="s">
        <v>151</v>
      </c>
      <c r="J28" s="271">
        <v>0</v>
      </c>
      <c r="K28" s="274">
        <v>0</v>
      </c>
      <c r="L28" s="168">
        <v>0</v>
      </c>
      <c r="M28" s="273">
        <v>0</v>
      </c>
      <c r="N28" s="154">
        <v>0</v>
      </c>
      <c r="O28" s="272">
        <v>0</v>
      </c>
      <c r="P28" s="213">
        <v>4211</v>
      </c>
      <c r="Q28" s="270">
        <v>0</v>
      </c>
    </row>
    <row r="29" spans="1:17" ht="17.25" customHeight="1" thickBot="1" x14ac:dyDescent="0.2">
      <c r="A29" s="275" t="s">
        <v>93</v>
      </c>
      <c r="B29" s="227"/>
      <c r="C29" s="184">
        <v>107598</v>
      </c>
      <c r="D29" s="276">
        <v>42.711517239736743</v>
      </c>
      <c r="E29" s="185">
        <v>0</v>
      </c>
      <c r="F29" s="276">
        <v>0</v>
      </c>
      <c r="G29" s="185">
        <v>0</v>
      </c>
      <c r="H29" s="277">
        <v>0</v>
      </c>
      <c r="I29" s="276"/>
      <c r="J29" s="227">
        <v>144320</v>
      </c>
      <c r="K29" s="278">
        <v>57.288482760263257</v>
      </c>
      <c r="L29" s="185">
        <v>0</v>
      </c>
      <c r="M29" s="277">
        <v>0</v>
      </c>
      <c r="N29" s="185">
        <v>0</v>
      </c>
      <c r="O29" s="276">
        <v>0</v>
      </c>
      <c r="P29" s="223">
        <v>251918</v>
      </c>
      <c r="Q29" s="279">
        <v>289</v>
      </c>
    </row>
    <row r="30" spans="1:17" ht="17.25" customHeight="1" x14ac:dyDescent="0.15">
      <c r="A30" s="157" t="s">
        <v>45</v>
      </c>
      <c r="B30" s="258" t="s">
        <v>151</v>
      </c>
      <c r="C30" s="180">
        <v>0</v>
      </c>
      <c r="D30" s="263">
        <v>0</v>
      </c>
      <c r="E30" s="158">
        <v>0</v>
      </c>
      <c r="F30" s="263">
        <v>0</v>
      </c>
      <c r="G30" s="158">
        <v>0</v>
      </c>
      <c r="H30" s="264">
        <v>0</v>
      </c>
      <c r="I30" s="263" t="s">
        <v>151</v>
      </c>
      <c r="J30" s="218">
        <v>7911</v>
      </c>
      <c r="K30" s="265">
        <v>100</v>
      </c>
      <c r="L30" s="158">
        <v>0</v>
      </c>
      <c r="M30" s="264">
        <v>0</v>
      </c>
      <c r="N30" s="163">
        <v>0</v>
      </c>
      <c r="O30" s="263">
        <v>0</v>
      </c>
      <c r="P30" s="215">
        <v>7911</v>
      </c>
      <c r="Q30" s="257">
        <v>0</v>
      </c>
    </row>
    <row r="31" spans="1:17" ht="17.25" customHeight="1" x14ac:dyDescent="0.15">
      <c r="A31" s="139" t="s">
        <v>46</v>
      </c>
      <c r="B31" s="258" t="s">
        <v>151</v>
      </c>
      <c r="C31" s="134">
        <v>2459</v>
      </c>
      <c r="D31" s="259">
        <v>100</v>
      </c>
      <c r="E31" s="135">
        <v>0</v>
      </c>
      <c r="F31" s="259">
        <v>0</v>
      </c>
      <c r="G31" s="135">
        <v>0</v>
      </c>
      <c r="H31" s="260">
        <v>0</v>
      </c>
      <c r="I31" s="259" t="s">
        <v>151</v>
      </c>
      <c r="J31" s="258">
        <v>0</v>
      </c>
      <c r="K31" s="261">
        <v>0</v>
      </c>
      <c r="L31" s="135">
        <v>0</v>
      </c>
      <c r="M31" s="260">
        <v>0</v>
      </c>
      <c r="N31" s="138">
        <v>0</v>
      </c>
      <c r="O31" s="259">
        <v>0</v>
      </c>
      <c r="P31" s="216">
        <v>2459</v>
      </c>
      <c r="Q31" s="262">
        <v>0</v>
      </c>
    </row>
    <row r="32" spans="1:17" ht="17.25" customHeight="1" x14ac:dyDescent="0.15">
      <c r="A32" s="139" t="s">
        <v>47</v>
      </c>
      <c r="B32" s="258" t="s">
        <v>151</v>
      </c>
      <c r="C32" s="134">
        <v>6213</v>
      </c>
      <c r="D32" s="259">
        <v>100</v>
      </c>
      <c r="E32" s="135">
        <v>0</v>
      </c>
      <c r="F32" s="259">
        <v>0</v>
      </c>
      <c r="G32" s="135">
        <v>0</v>
      </c>
      <c r="H32" s="260">
        <v>0</v>
      </c>
      <c r="I32" s="259" t="s">
        <v>151</v>
      </c>
      <c r="J32" s="258">
        <v>0</v>
      </c>
      <c r="K32" s="261">
        <v>0</v>
      </c>
      <c r="L32" s="135">
        <v>0</v>
      </c>
      <c r="M32" s="260">
        <v>0</v>
      </c>
      <c r="N32" s="138">
        <v>0</v>
      </c>
      <c r="O32" s="259">
        <v>0</v>
      </c>
      <c r="P32" s="216">
        <v>6213</v>
      </c>
      <c r="Q32" s="262">
        <v>0</v>
      </c>
    </row>
    <row r="33" spans="1:17" ht="17.25" customHeight="1" thickBot="1" x14ac:dyDescent="0.2">
      <c r="A33" s="145" t="s">
        <v>48</v>
      </c>
      <c r="B33" s="266" t="s">
        <v>151</v>
      </c>
      <c r="C33" s="150">
        <v>0</v>
      </c>
      <c r="D33" s="267">
        <v>0</v>
      </c>
      <c r="E33" s="151">
        <v>0</v>
      </c>
      <c r="F33" s="267">
        <v>0</v>
      </c>
      <c r="G33" s="151">
        <v>0</v>
      </c>
      <c r="H33" s="268">
        <v>0</v>
      </c>
      <c r="I33" s="267" t="s">
        <v>151</v>
      </c>
      <c r="J33" s="266">
        <v>4167</v>
      </c>
      <c r="K33" s="269">
        <v>100</v>
      </c>
      <c r="L33" s="151">
        <v>0</v>
      </c>
      <c r="M33" s="268">
        <v>0</v>
      </c>
      <c r="N33" s="161">
        <v>0</v>
      </c>
      <c r="O33" s="267">
        <v>0</v>
      </c>
      <c r="P33" s="213">
        <v>4167</v>
      </c>
      <c r="Q33" s="270">
        <v>0</v>
      </c>
    </row>
    <row r="34" spans="1:17" ht="17.25" customHeight="1" x14ac:dyDescent="0.15">
      <c r="A34" s="157" t="s">
        <v>49</v>
      </c>
      <c r="B34" s="218" t="s">
        <v>154</v>
      </c>
      <c r="C34" s="180">
        <v>2404</v>
      </c>
      <c r="D34" s="263">
        <v>100</v>
      </c>
      <c r="E34" s="158">
        <v>0</v>
      </c>
      <c r="F34" s="263">
        <v>0</v>
      </c>
      <c r="G34" s="158">
        <v>0</v>
      </c>
      <c r="H34" s="264">
        <v>0</v>
      </c>
      <c r="I34" s="263" t="s">
        <v>151</v>
      </c>
      <c r="J34" s="218">
        <v>0</v>
      </c>
      <c r="K34" s="265">
        <v>0</v>
      </c>
      <c r="L34" s="158">
        <v>0</v>
      </c>
      <c r="M34" s="264">
        <v>0</v>
      </c>
      <c r="N34" s="163">
        <v>0</v>
      </c>
      <c r="O34" s="263">
        <v>0</v>
      </c>
      <c r="P34" s="215">
        <v>2404</v>
      </c>
      <c r="Q34" s="257">
        <v>0</v>
      </c>
    </row>
    <row r="35" spans="1:17" ht="17.25" customHeight="1" x14ac:dyDescent="0.15">
      <c r="A35" s="139" t="s">
        <v>50</v>
      </c>
      <c r="B35" s="258" t="s">
        <v>154</v>
      </c>
      <c r="C35" s="134">
        <v>1033</v>
      </c>
      <c r="D35" s="259">
        <v>100</v>
      </c>
      <c r="E35" s="135">
        <v>0</v>
      </c>
      <c r="F35" s="259">
        <v>0</v>
      </c>
      <c r="G35" s="135">
        <v>0</v>
      </c>
      <c r="H35" s="260">
        <v>0</v>
      </c>
      <c r="I35" s="259" t="s">
        <v>151</v>
      </c>
      <c r="J35" s="258">
        <v>0</v>
      </c>
      <c r="K35" s="261">
        <v>0</v>
      </c>
      <c r="L35" s="135">
        <v>0</v>
      </c>
      <c r="M35" s="260">
        <v>0</v>
      </c>
      <c r="N35" s="138">
        <v>0</v>
      </c>
      <c r="O35" s="259">
        <v>0</v>
      </c>
      <c r="P35" s="216">
        <v>1033</v>
      </c>
      <c r="Q35" s="262">
        <v>0</v>
      </c>
    </row>
    <row r="36" spans="1:17" ht="17.25" customHeight="1" x14ac:dyDescent="0.15">
      <c r="A36" s="139" t="s">
        <v>51</v>
      </c>
      <c r="B36" s="258" t="s">
        <v>154</v>
      </c>
      <c r="C36" s="134">
        <v>1138</v>
      </c>
      <c r="D36" s="259">
        <v>100</v>
      </c>
      <c r="E36" s="135">
        <v>0</v>
      </c>
      <c r="F36" s="259">
        <v>0</v>
      </c>
      <c r="G36" s="135">
        <v>0</v>
      </c>
      <c r="H36" s="260">
        <v>0</v>
      </c>
      <c r="I36" s="259" t="s">
        <v>151</v>
      </c>
      <c r="J36" s="258">
        <v>0</v>
      </c>
      <c r="K36" s="261">
        <v>0</v>
      </c>
      <c r="L36" s="135">
        <v>0</v>
      </c>
      <c r="M36" s="260">
        <v>0</v>
      </c>
      <c r="N36" s="138">
        <v>0</v>
      </c>
      <c r="O36" s="259">
        <v>0</v>
      </c>
      <c r="P36" s="216">
        <v>1138</v>
      </c>
      <c r="Q36" s="262">
        <v>0</v>
      </c>
    </row>
    <row r="37" spans="1:17" ht="17.25" customHeight="1" x14ac:dyDescent="0.15">
      <c r="A37" s="139" t="s">
        <v>52</v>
      </c>
      <c r="B37" s="258" t="s">
        <v>154</v>
      </c>
      <c r="C37" s="134">
        <v>3058</v>
      </c>
      <c r="D37" s="259">
        <v>100</v>
      </c>
      <c r="E37" s="135">
        <v>0</v>
      </c>
      <c r="F37" s="259">
        <v>0</v>
      </c>
      <c r="G37" s="135">
        <v>0</v>
      </c>
      <c r="H37" s="260">
        <v>0</v>
      </c>
      <c r="I37" s="259" t="s">
        <v>151</v>
      </c>
      <c r="J37" s="258">
        <v>0</v>
      </c>
      <c r="K37" s="261">
        <v>0</v>
      </c>
      <c r="L37" s="135">
        <v>0</v>
      </c>
      <c r="M37" s="260">
        <v>0</v>
      </c>
      <c r="N37" s="138">
        <v>0</v>
      </c>
      <c r="O37" s="259">
        <v>0</v>
      </c>
      <c r="P37" s="216">
        <v>3058</v>
      </c>
      <c r="Q37" s="262">
        <v>0</v>
      </c>
    </row>
    <row r="38" spans="1:17" ht="17.25" customHeight="1" thickBot="1" x14ac:dyDescent="0.2">
      <c r="A38" s="145" t="s">
        <v>53</v>
      </c>
      <c r="B38" s="266" t="s">
        <v>154</v>
      </c>
      <c r="C38" s="150">
        <v>2334</v>
      </c>
      <c r="D38" s="267">
        <v>100</v>
      </c>
      <c r="E38" s="151">
        <v>0</v>
      </c>
      <c r="F38" s="267">
        <v>0</v>
      </c>
      <c r="G38" s="151">
        <v>0</v>
      </c>
      <c r="H38" s="268">
        <v>0</v>
      </c>
      <c r="I38" s="267" t="s">
        <v>151</v>
      </c>
      <c r="J38" s="266">
        <v>0</v>
      </c>
      <c r="K38" s="269">
        <v>0</v>
      </c>
      <c r="L38" s="151">
        <v>0</v>
      </c>
      <c r="M38" s="268">
        <v>0</v>
      </c>
      <c r="N38" s="154">
        <v>0</v>
      </c>
      <c r="O38" s="272">
        <v>0</v>
      </c>
      <c r="P38" s="213">
        <v>2334</v>
      </c>
      <c r="Q38" s="270">
        <v>0</v>
      </c>
    </row>
    <row r="39" spans="1:17" ht="17.25" customHeight="1" x14ac:dyDescent="0.15">
      <c r="A39" s="157" t="s">
        <v>54</v>
      </c>
      <c r="B39" s="218" t="s">
        <v>151</v>
      </c>
      <c r="C39" s="180">
        <v>8927</v>
      </c>
      <c r="D39" s="263">
        <v>100</v>
      </c>
      <c r="E39" s="158">
        <v>0</v>
      </c>
      <c r="F39" s="263">
        <v>0</v>
      </c>
      <c r="G39" s="158">
        <v>0</v>
      </c>
      <c r="H39" s="264">
        <v>0</v>
      </c>
      <c r="I39" s="263" t="s">
        <v>151</v>
      </c>
      <c r="J39" s="218">
        <v>0</v>
      </c>
      <c r="K39" s="265">
        <v>0</v>
      </c>
      <c r="L39" s="158">
        <v>0</v>
      </c>
      <c r="M39" s="264">
        <v>0</v>
      </c>
      <c r="N39" s="126">
        <v>0</v>
      </c>
      <c r="O39" s="280">
        <v>0</v>
      </c>
      <c r="P39" s="215">
        <v>8927</v>
      </c>
      <c r="Q39" s="257">
        <v>0</v>
      </c>
    </row>
    <row r="40" spans="1:17" ht="17.25" customHeight="1" x14ac:dyDescent="0.15">
      <c r="A40" s="139" t="s">
        <v>55</v>
      </c>
      <c r="B40" s="281" t="s">
        <v>155</v>
      </c>
      <c r="C40" s="134">
        <v>3502</v>
      </c>
      <c r="D40" s="259">
        <v>100</v>
      </c>
      <c r="E40" s="135">
        <v>0</v>
      </c>
      <c r="F40" s="259">
        <v>0</v>
      </c>
      <c r="G40" s="135">
        <v>0</v>
      </c>
      <c r="H40" s="260">
        <v>0</v>
      </c>
      <c r="I40" s="259" t="s">
        <v>151</v>
      </c>
      <c r="J40" s="258">
        <v>0</v>
      </c>
      <c r="K40" s="261">
        <v>0</v>
      </c>
      <c r="L40" s="135">
        <v>0</v>
      </c>
      <c r="M40" s="260">
        <v>0</v>
      </c>
      <c r="N40" s="138">
        <v>0</v>
      </c>
      <c r="O40" s="259">
        <v>0</v>
      </c>
      <c r="P40" s="216">
        <v>3502</v>
      </c>
      <c r="Q40" s="262">
        <v>0</v>
      </c>
    </row>
    <row r="41" spans="1:17" ht="17.25" customHeight="1" x14ac:dyDescent="0.15">
      <c r="A41" s="139" t="s">
        <v>56</v>
      </c>
      <c r="B41" s="281" t="s">
        <v>155</v>
      </c>
      <c r="C41" s="134">
        <v>3799</v>
      </c>
      <c r="D41" s="259">
        <v>100</v>
      </c>
      <c r="E41" s="135">
        <v>0</v>
      </c>
      <c r="F41" s="259">
        <v>0</v>
      </c>
      <c r="G41" s="135">
        <v>0</v>
      </c>
      <c r="H41" s="260">
        <v>0</v>
      </c>
      <c r="I41" s="259" t="s">
        <v>151</v>
      </c>
      <c r="J41" s="258">
        <v>0</v>
      </c>
      <c r="K41" s="261">
        <v>0</v>
      </c>
      <c r="L41" s="135">
        <v>0</v>
      </c>
      <c r="M41" s="260">
        <v>0</v>
      </c>
      <c r="N41" s="138">
        <v>0</v>
      </c>
      <c r="O41" s="259">
        <v>0</v>
      </c>
      <c r="P41" s="216">
        <v>3799</v>
      </c>
      <c r="Q41" s="262">
        <v>0</v>
      </c>
    </row>
    <row r="42" spans="1:17" ht="17.25" customHeight="1" x14ac:dyDescent="0.15">
      <c r="A42" s="139" t="s">
        <v>57</v>
      </c>
      <c r="B42" s="258" t="s">
        <v>151</v>
      </c>
      <c r="C42" s="134">
        <v>3913</v>
      </c>
      <c r="D42" s="259">
        <v>100</v>
      </c>
      <c r="E42" s="135">
        <v>0</v>
      </c>
      <c r="F42" s="259">
        <v>0</v>
      </c>
      <c r="G42" s="135">
        <v>0</v>
      </c>
      <c r="H42" s="260">
        <v>0</v>
      </c>
      <c r="I42" s="259" t="s">
        <v>151</v>
      </c>
      <c r="J42" s="258">
        <v>0</v>
      </c>
      <c r="K42" s="261">
        <v>0</v>
      </c>
      <c r="L42" s="135">
        <v>0</v>
      </c>
      <c r="M42" s="260">
        <v>0</v>
      </c>
      <c r="N42" s="138">
        <v>0</v>
      </c>
      <c r="O42" s="259">
        <v>0</v>
      </c>
      <c r="P42" s="216">
        <v>3913</v>
      </c>
      <c r="Q42" s="262">
        <v>0</v>
      </c>
    </row>
    <row r="43" spans="1:17" ht="17.25" customHeight="1" thickBot="1" x14ac:dyDescent="0.2">
      <c r="A43" s="145" t="s">
        <v>58</v>
      </c>
      <c r="B43" s="282" t="s">
        <v>152</v>
      </c>
      <c r="C43" s="150">
        <v>169</v>
      </c>
      <c r="D43" s="267">
        <v>100</v>
      </c>
      <c r="E43" s="151">
        <v>0</v>
      </c>
      <c r="F43" s="267">
        <v>0</v>
      </c>
      <c r="G43" s="151">
        <v>0</v>
      </c>
      <c r="H43" s="268">
        <v>0</v>
      </c>
      <c r="I43" s="267" t="s">
        <v>151</v>
      </c>
      <c r="J43" s="266">
        <v>0</v>
      </c>
      <c r="K43" s="269">
        <v>0</v>
      </c>
      <c r="L43" s="151">
        <v>0</v>
      </c>
      <c r="M43" s="268">
        <v>0</v>
      </c>
      <c r="N43" s="161">
        <v>0</v>
      </c>
      <c r="O43" s="267">
        <v>0</v>
      </c>
      <c r="P43" s="213">
        <v>169</v>
      </c>
      <c r="Q43" s="270">
        <v>0</v>
      </c>
    </row>
    <row r="44" spans="1:17" ht="17.25" customHeight="1" thickBot="1" x14ac:dyDescent="0.2">
      <c r="A44" s="275" t="s">
        <v>95</v>
      </c>
      <c r="B44" s="227"/>
      <c r="C44" s="184">
        <v>38949</v>
      </c>
      <c r="D44" s="276">
        <v>76.330178140984188</v>
      </c>
      <c r="E44" s="175">
        <v>0</v>
      </c>
      <c r="F44" s="276">
        <v>0</v>
      </c>
      <c r="G44" s="175">
        <v>0</v>
      </c>
      <c r="H44" s="277">
        <v>0</v>
      </c>
      <c r="I44" s="276"/>
      <c r="J44" s="227">
        <v>12078</v>
      </c>
      <c r="K44" s="278">
        <v>23.669821859015816</v>
      </c>
      <c r="L44" s="175">
        <v>0</v>
      </c>
      <c r="M44" s="277">
        <v>0</v>
      </c>
      <c r="N44" s="185">
        <v>0</v>
      </c>
      <c r="O44" s="276">
        <v>0</v>
      </c>
      <c r="P44" s="223">
        <v>51027</v>
      </c>
      <c r="Q44" s="283">
        <v>0</v>
      </c>
    </row>
    <row r="45" spans="1:17" ht="17.25" customHeight="1" thickBot="1" x14ac:dyDescent="0.2">
      <c r="A45" s="284" t="s">
        <v>156</v>
      </c>
      <c r="B45" s="230"/>
      <c r="C45" s="285">
        <v>146547</v>
      </c>
      <c r="D45" s="276">
        <v>48.37412731683969</v>
      </c>
      <c r="E45" s="189">
        <v>0</v>
      </c>
      <c r="F45" s="286">
        <v>0</v>
      </c>
      <c r="G45" s="189">
        <v>0</v>
      </c>
      <c r="H45" s="287">
        <v>0</v>
      </c>
      <c r="I45" s="286"/>
      <c r="J45" s="230">
        <v>156398</v>
      </c>
      <c r="K45" s="288">
        <v>51.62587268316031</v>
      </c>
      <c r="L45" s="189">
        <v>0</v>
      </c>
      <c r="M45" s="287">
        <v>0</v>
      </c>
      <c r="N45" s="185">
        <v>0</v>
      </c>
      <c r="O45" s="276">
        <v>0</v>
      </c>
      <c r="P45" s="225">
        <v>302945</v>
      </c>
      <c r="Q45" s="283">
        <v>289</v>
      </c>
    </row>
    <row r="46" spans="1:17" s="79" customFormat="1" ht="13.5" x14ac:dyDescent="0.15">
      <c r="A46" s="79" t="s">
        <v>157</v>
      </c>
      <c r="D46" s="289"/>
      <c r="F46" s="289"/>
      <c r="H46" s="289"/>
      <c r="I46" s="289"/>
      <c r="J46" s="79" t="s">
        <v>207</v>
      </c>
      <c r="K46" s="290"/>
      <c r="M46" s="289"/>
      <c r="O46" s="289"/>
    </row>
    <row r="47" spans="1:17" ht="13.5" x14ac:dyDescent="0.15">
      <c r="A47" s="2" t="s">
        <v>158</v>
      </c>
      <c r="J47" s="2" t="s">
        <v>159</v>
      </c>
    </row>
    <row r="48" spans="1:17" ht="13.5" x14ac:dyDescent="0.15">
      <c r="A48" s="79"/>
      <c r="J48" s="2" t="s">
        <v>203</v>
      </c>
    </row>
    <row r="49" spans="1:1" ht="15" customHeight="1" x14ac:dyDescent="0.15">
      <c r="A49" s="2"/>
    </row>
    <row r="50" spans="1:1" ht="15" customHeight="1" x14ac:dyDescent="0.15">
      <c r="A50" s="79"/>
    </row>
    <row r="63" spans="1:1" ht="16.5" customHeight="1" x14ac:dyDescent="0.15">
      <c r="A63" s="80"/>
    </row>
  </sheetData>
  <mergeCells count="16">
    <mergeCell ref="O7:O9"/>
    <mergeCell ref="B4:P4"/>
    <mergeCell ref="Q5:Q9"/>
    <mergeCell ref="B6:C6"/>
    <mergeCell ref="P6:P8"/>
    <mergeCell ref="B7:C9"/>
    <mergeCell ref="D7:D9"/>
    <mergeCell ref="E7:E9"/>
    <mergeCell ref="F7:F9"/>
    <mergeCell ref="G7:G9"/>
    <mergeCell ref="H7:H9"/>
    <mergeCell ref="I7:J9"/>
    <mergeCell ref="K7:K9"/>
    <mergeCell ref="L7:L9"/>
    <mergeCell ref="M7:M9"/>
    <mergeCell ref="N7:N9"/>
  </mergeCells>
  <phoneticPr fontId="2"/>
  <conditionalFormatting sqref="B10:B28 I10:I28 B30:B43 I30:I43">
    <cfRule type="beginsWith" priority="1" stopIfTrue="1" operator="beginsWith" text="*">
      <formula>LEFT(B10,1)="*"</formula>
    </cfRule>
    <cfRule type="notContainsBlanks" dxfId="6" priority="2">
      <formula>LEN(TRIM(B10))&gt;0</formula>
    </cfRule>
    <cfRule type="containsBlanks" dxfId="5" priority="3">
      <formula>LEN(TRIM(B10))=0</formula>
    </cfRule>
  </conditionalFormatting>
  <conditionalFormatting sqref="D10:Q45 C10:C11 C13:C45">
    <cfRule type="cellIs" dxfId="4" priority="4" stopIfTrue="1" operator="equal">
      <formula>0</formula>
    </cfRule>
  </conditionalFormatting>
  <pageMargins left="0.59055118110236227" right="0.59055118110236227" top="0.78740157480314965" bottom="0.78740157480314965" header="0.51181102362204722" footer="0.39370078740157483"/>
  <pageSetup paperSize="9" scale="95" orientation="portrait" r:id="rId1"/>
  <headerFooter alignWithMargins="0"/>
  <colBreaks count="1" manualBreakCount="1">
    <brk id="8" max="4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9"/>
  <dimension ref="A2:U54"/>
  <sheetViews>
    <sheetView zoomScaleNormal="100" zoomScaleSheetLayoutView="85" workbookViewId="0">
      <pane xSplit="1" ySplit="6" topLeftCell="B27" activePane="bottomRight" state="frozen"/>
      <selection activeCell="B10" sqref="B10"/>
      <selection pane="topRight" activeCell="B10" sqref="B10"/>
      <selection pane="bottomLeft" activeCell="B10" sqref="B10"/>
      <selection pane="bottomRight" activeCell="W26" sqref="W26"/>
    </sheetView>
  </sheetViews>
  <sheetFormatPr defaultColWidth="13.625" defaultRowHeight="16.5" customHeight="1" x14ac:dyDescent="0.15"/>
  <cols>
    <col min="1" max="1" width="11.625" style="9" customWidth="1"/>
    <col min="2" max="2" width="5.625" style="81" customWidth="1"/>
    <col min="3" max="3" width="7.5" style="2" customWidth="1"/>
    <col min="4" max="4" width="5.625" style="2" customWidth="1"/>
    <col min="5" max="5" width="7.5" style="81" customWidth="1"/>
    <col min="6" max="7" width="11.875" style="2" customWidth="1"/>
    <col min="8" max="8" width="5.625" style="2" bestFit="1" customWidth="1"/>
    <col min="9" max="9" width="7.5" style="2" customWidth="1"/>
    <col min="10" max="10" width="5.625" style="2" customWidth="1"/>
    <col min="11" max="11" width="7.5" style="2" customWidth="1"/>
    <col min="12" max="12" width="5.625" style="2" customWidth="1"/>
    <col min="13" max="13" width="6.125" style="2" customWidth="1"/>
    <col min="14" max="14" width="15" style="2" customWidth="1"/>
    <col min="15" max="15" width="6.875" style="2" customWidth="1"/>
    <col min="16" max="16" width="9.375" style="2" customWidth="1"/>
    <col min="17" max="17" width="6.875" style="2" customWidth="1"/>
    <col min="18" max="18" width="9.375" style="2" customWidth="1"/>
    <col min="19" max="19" width="5.625" style="2" customWidth="1"/>
    <col min="20" max="20" width="6.125" style="2" customWidth="1"/>
    <col min="21" max="21" width="15" style="2" customWidth="1"/>
    <col min="22" max="16384" width="13.625" style="2"/>
  </cols>
  <sheetData>
    <row r="2" spans="1:21" ht="9" customHeight="1" x14ac:dyDescent="0.15">
      <c r="A2" s="3"/>
      <c r="B2" s="3"/>
      <c r="C2" s="3"/>
      <c r="D2" s="3"/>
      <c r="E2" s="3"/>
      <c r="F2" s="3"/>
      <c r="G2" s="191"/>
      <c r="M2" s="84"/>
      <c r="N2" s="84"/>
      <c r="O2" s="84"/>
      <c r="P2" s="84"/>
      <c r="Q2" s="84"/>
      <c r="R2" s="84"/>
    </row>
    <row r="3" spans="1:21" s="6" customFormat="1" ht="16.5" customHeight="1" thickBot="1" x14ac:dyDescent="0.2">
      <c r="A3" s="5" t="s">
        <v>160</v>
      </c>
      <c r="B3" s="88"/>
      <c r="C3" s="7"/>
      <c r="D3" s="7"/>
      <c r="E3" s="88"/>
      <c r="G3" s="193"/>
      <c r="P3" s="291"/>
      <c r="Q3" s="291"/>
      <c r="U3" s="194" t="s">
        <v>161</v>
      </c>
    </row>
    <row r="4" spans="1:21" s="81" customFormat="1" ht="21" customHeight="1" x14ac:dyDescent="0.15">
      <c r="A4" s="92"/>
      <c r="B4" s="497" t="s">
        <v>162</v>
      </c>
      <c r="C4" s="498"/>
      <c r="D4" s="498"/>
      <c r="E4" s="498"/>
      <c r="F4" s="498"/>
      <c r="G4" s="292"/>
      <c r="H4" s="497" t="s">
        <v>163</v>
      </c>
      <c r="I4" s="498"/>
      <c r="J4" s="498"/>
      <c r="K4" s="498"/>
      <c r="L4" s="498"/>
      <c r="M4" s="498"/>
      <c r="N4" s="293"/>
      <c r="O4" s="92"/>
      <c r="P4" s="293"/>
      <c r="Q4" s="293"/>
      <c r="R4" s="197"/>
      <c r="S4" s="499"/>
      <c r="T4" s="499"/>
      <c r="U4" s="294"/>
    </row>
    <row r="5" spans="1:21" s="9" customFormat="1" ht="21" customHeight="1" x14ac:dyDescent="0.15">
      <c r="A5" s="295" t="s">
        <v>9</v>
      </c>
      <c r="B5" s="500" t="s">
        <v>133</v>
      </c>
      <c r="C5" s="501"/>
      <c r="D5" s="502" t="s">
        <v>107</v>
      </c>
      <c r="E5" s="503"/>
      <c r="F5" s="203" t="s">
        <v>108</v>
      </c>
      <c r="G5" s="296" t="s">
        <v>109</v>
      </c>
      <c r="H5" s="504" t="s">
        <v>135</v>
      </c>
      <c r="I5" s="501"/>
      <c r="J5" s="246" t="s">
        <v>111</v>
      </c>
      <c r="K5" s="297"/>
      <c r="L5" s="504" t="s">
        <v>112</v>
      </c>
      <c r="M5" s="505"/>
      <c r="N5" s="105" t="s">
        <v>113</v>
      </c>
      <c r="O5" s="500" t="s">
        <v>164</v>
      </c>
      <c r="P5" s="505"/>
      <c r="Q5" s="502" t="s">
        <v>115</v>
      </c>
      <c r="R5" s="503"/>
      <c r="S5" s="504" t="s">
        <v>116</v>
      </c>
      <c r="T5" s="505"/>
      <c r="U5" s="296" t="s">
        <v>117</v>
      </c>
    </row>
    <row r="6" spans="1:21" s="9" customFormat="1" ht="21" customHeight="1" thickBot="1" x14ac:dyDescent="0.2">
      <c r="A6" s="109"/>
      <c r="B6" s="509" t="s">
        <v>165</v>
      </c>
      <c r="C6" s="510"/>
      <c r="D6" s="441" t="s">
        <v>166</v>
      </c>
      <c r="E6" s="442"/>
      <c r="F6" s="209" t="s">
        <v>147</v>
      </c>
      <c r="G6" s="252" t="s">
        <v>123</v>
      </c>
      <c r="H6" s="441" t="s">
        <v>165</v>
      </c>
      <c r="I6" s="510"/>
      <c r="J6" s="441" t="s">
        <v>166</v>
      </c>
      <c r="K6" s="442"/>
      <c r="L6" s="506" t="s">
        <v>147</v>
      </c>
      <c r="M6" s="507"/>
      <c r="N6" s="298" t="s">
        <v>167</v>
      </c>
      <c r="O6" s="509" t="s">
        <v>165</v>
      </c>
      <c r="P6" s="442"/>
      <c r="Q6" s="441" t="s">
        <v>166</v>
      </c>
      <c r="R6" s="442"/>
      <c r="S6" s="506" t="s">
        <v>147</v>
      </c>
      <c r="T6" s="507"/>
      <c r="U6" s="252" t="s">
        <v>125</v>
      </c>
    </row>
    <row r="7" spans="1:21" ht="17.25" customHeight="1" x14ac:dyDescent="0.15">
      <c r="A7" s="116" t="s">
        <v>25</v>
      </c>
      <c r="B7" s="179" t="s">
        <v>151</v>
      </c>
      <c r="C7" s="174">
        <v>0</v>
      </c>
      <c r="D7" s="123" t="s">
        <v>151</v>
      </c>
      <c r="E7" s="299">
        <v>6185</v>
      </c>
      <c r="F7" s="123">
        <v>0</v>
      </c>
      <c r="G7" s="212">
        <v>6185</v>
      </c>
      <c r="H7" s="123" t="s">
        <v>151</v>
      </c>
      <c r="I7" s="300">
        <v>0</v>
      </c>
      <c r="J7" s="123" t="s">
        <v>151</v>
      </c>
      <c r="K7" s="253">
        <v>28165</v>
      </c>
      <c r="L7" s="301"/>
      <c r="M7" s="121">
        <v>0</v>
      </c>
      <c r="N7" s="214">
        <v>28165</v>
      </c>
      <c r="O7" s="159" t="s">
        <v>151</v>
      </c>
      <c r="P7" s="121">
        <v>0</v>
      </c>
      <c r="Q7" s="302" t="s">
        <v>151</v>
      </c>
      <c r="R7" s="302">
        <v>34350</v>
      </c>
      <c r="S7" s="214"/>
      <c r="T7" s="121">
        <v>0</v>
      </c>
      <c r="U7" s="303">
        <v>34350</v>
      </c>
    </row>
    <row r="8" spans="1:21" ht="17.25" customHeight="1" x14ac:dyDescent="0.15">
      <c r="A8" s="129" t="s">
        <v>26</v>
      </c>
      <c r="B8" s="131" t="s">
        <v>151</v>
      </c>
      <c r="C8" s="258">
        <v>0</v>
      </c>
      <c r="D8" s="135" t="s">
        <v>151</v>
      </c>
      <c r="E8" s="304">
        <v>6978</v>
      </c>
      <c r="F8" s="135">
        <v>0</v>
      </c>
      <c r="G8" s="216">
        <v>6978</v>
      </c>
      <c r="H8" s="135" t="s">
        <v>151</v>
      </c>
      <c r="I8" s="258">
        <v>0</v>
      </c>
      <c r="J8" s="135" t="s">
        <v>151</v>
      </c>
      <c r="K8" s="134">
        <v>32329</v>
      </c>
      <c r="L8" s="135"/>
      <c r="M8" s="134">
        <v>0</v>
      </c>
      <c r="N8" s="135">
        <v>32329</v>
      </c>
      <c r="O8" s="137" t="s">
        <v>151</v>
      </c>
      <c r="P8" s="134">
        <v>0</v>
      </c>
      <c r="Q8" s="258" t="s">
        <v>151</v>
      </c>
      <c r="R8" s="258">
        <v>39307</v>
      </c>
      <c r="S8" s="135"/>
      <c r="T8" s="134">
        <v>0</v>
      </c>
      <c r="U8" s="305">
        <v>39307</v>
      </c>
    </row>
    <row r="9" spans="1:21" ht="17.25" customHeight="1" x14ac:dyDescent="0.15">
      <c r="A9" s="129" t="s">
        <v>27</v>
      </c>
      <c r="B9" s="141" t="s">
        <v>151</v>
      </c>
      <c r="C9" s="218">
        <v>2469</v>
      </c>
      <c r="D9" s="158" t="s">
        <v>151</v>
      </c>
      <c r="E9" s="299">
        <v>0</v>
      </c>
      <c r="F9" s="158">
        <v>0</v>
      </c>
      <c r="G9" s="213">
        <v>2469</v>
      </c>
      <c r="H9" s="158" t="s">
        <v>151</v>
      </c>
      <c r="I9" s="218">
        <v>23830</v>
      </c>
      <c r="J9" s="158" t="s">
        <v>151</v>
      </c>
      <c r="K9" s="180">
        <v>0</v>
      </c>
      <c r="L9" s="158"/>
      <c r="M9" s="134">
        <v>0</v>
      </c>
      <c r="N9" s="135">
        <v>23830</v>
      </c>
      <c r="O9" s="137" t="s">
        <v>151</v>
      </c>
      <c r="P9" s="134">
        <v>26299</v>
      </c>
      <c r="Q9" s="258" t="s">
        <v>151</v>
      </c>
      <c r="R9" s="258">
        <v>0</v>
      </c>
      <c r="S9" s="135"/>
      <c r="T9" s="134">
        <v>0</v>
      </c>
      <c r="U9" s="305">
        <v>26299</v>
      </c>
    </row>
    <row r="10" spans="1:21" ht="17.25" customHeight="1" x14ac:dyDescent="0.15">
      <c r="A10" s="129" t="s">
        <v>28</v>
      </c>
      <c r="B10" s="131" t="s">
        <v>151</v>
      </c>
      <c r="C10" s="258">
        <v>0</v>
      </c>
      <c r="D10" s="135" t="s">
        <v>151</v>
      </c>
      <c r="E10" s="304">
        <v>2282</v>
      </c>
      <c r="F10" s="135">
        <v>0</v>
      </c>
      <c r="G10" s="216">
        <v>2282</v>
      </c>
      <c r="H10" s="135" t="s">
        <v>151</v>
      </c>
      <c r="I10" s="258">
        <v>0</v>
      </c>
      <c r="J10" s="135" t="s">
        <v>151</v>
      </c>
      <c r="K10" s="134">
        <v>10349</v>
      </c>
      <c r="L10" s="135"/>
      <c r="M10" s="134">
        <v>0</v>
      </c>
      <c r="N10" s="135">
        <v>10349</v>
      </c>
      <c r="O10" s="137" t="s">
        <v>151</v>
      </c>
      <c r="P10" s="134">
        <v>0</v>
      </c>
      <c r="Q10" s="258" t="s">
        <v>151</v>
      </c>
      <c r="R10" s="258">
        <v>12631</v>
      </c>
      <c r="S10" s="135"/>
      <c r="T10" s="134">
        <v>0</v>
      </c>
      <c r="U10" s="305">
        <v>12631</v>
      </c>
    </row>
    <row r="11" spans="1:21" ht="17.25" customHeight="1" thickBot="1" x14ac:dyDescent="0.2">
      <c r="A11" s="306" t="s">
        <v>29</v>
      </c>
      <c r="B11" s="153" t="s">
        <v>168</v>
      </c>
      <c r="C11" s="266">
        <v>720</v>
      </c>
      <c r="D11" s="151" t="s">
        <v>151</v>
      </c>
      <c r="E11" s="307">
        <v>0</v>
      </c>
      <c r="F11" s="151">
        <v>0</v>
      </c>
      <c r="G11" s="219">
        <v>720</v>
      </c>
      <c r="H11" s="151" t="s">
        <v>168</v>
      </c>
      <c r="I11" s="266">
        <v>4423</v>
      </c>
      <c r="J11" s="151" t="s">
        <v>151</v>
      </c>
      <c r="K11" s="150">
        <v>0</v>
      </c>
      <c r="L11" s="151"/>
      <c r="M11" s="182">
        <v>0</v>
      </c>
      <c r="N11" s="168">
        <v>4423</v>
      </c>
      <c r="O11" s="156" t="s">
        <v>168</v>
      </c>
      <c r="P11" s="182">
        <v>5143</v>
      </c>
      <c r="Q11" s="271" t="s">
        <v>151</v>
      </c>
      <c r="R11" s="271">
        <v>0</v>
      </c>
      <c r="S11" s="168"/>
      <c r="T11" s="182">
        <v>0</v>
      </c>
      <c r="U11" s="308">
        <v>5143</v>
      </c>
    </row>
    <row r="12" spans="1:21" ht="17.25" customHeight="1" x14ac:dyDescent="0.15">
      <c r="A12" s="116" t="s">
        <v>30</v>
      </c>
      <c r="B12" s="141" t="s">
        <v>151</v>
      </c>
      <c r="C12" s="218">
        <v>0</v>
      </c>
      <c r="D12" s="158" t="s">
        <v>151</v>
      </c>
      <c r="E12" s="299">
        <v>747</v>
      </c>
      <c r="F12" s="158">
        <v>0</v>
      </c>
      <c r="G12" s="213">
        <v>747</v>
      </c>
      <c r="H12" s="158" t="s">
        <v>151</v>
      </c>
      <c r="I12" s="218">
        <v>0</v>
      </c>
      <c r="J12" s="158" t="s">
        <v>151</v>
      </c>
      <c r="K12" s="180">
        <v>2191</v>
      </c>
      <c r="L12" s="158"/>
      <c r="M12" s="121">
        <v>0</v>
      </c>
      <c r="N12" s="214">
        <v>2191</v>
      </c>
      <c r="O12" s="159" t="s">
        <v>151</v>
      </c>
      <c r="P12" s="121">
        <v>0</v>
      </c>
      <c r="Q12" s="302" t="s">
        <v>151</v>
      </c>
      <c r="R12" s="302">
        <v>2938</v>
      </c>
      <c r="S12" s="214"/>
      <c r="T12" s="121">
        <v>0</v>
      </c>
      <c r="U12" s="303">
        <v>2938</v>
      </c>
    </row>
    <row r="13" spans="1:21" ht="17.25" customHeight="1" x14ac:dyDescent="0.15">
      <c r="A13" s="129" t="s">
        <v>31</v>
      </c>
      <c r="B13" s="131" t="s">
        <v>151</v>
      </c>
      <c r="C13" s="258">
        <v>2030</v>
      </c>
      <c r="D13" s="135" t="s">
        <v>151</v>
      </c>
      <c r="E13" s="304">
        <v>0</v>
      </c>
      <c r="F13" s="135">
        <v>0</v>
      </c>
      <c r="G13" s="216">
        <v>2030</v>
      </c>
      <c r="H13" s="135" t="s">
        <v>151</v>
      </c>
      <c r="I13" s="258">
        <v>10798</v>
      </c>
      <c r="J13" s="135" t="s">
        <v>151</v>
      </c>
      <c r="K13" s="134">
        <v>0</v>
      </c>
      <c r="L13" s="135"/>
      <c r="M13" s="134">
        <v>0</v>
      </c>
      <c r="N13" s="135">
        <v>10798</v>
      </c>
      <c r="O13" s="137" t="s">
        <v>151</v>
      </c>
      <c r="P13" s="134">
        <v>12828</v>
      </c>
      <c r="Q13" s="258" t="s">
        <v>151</v>
      </c>
      <c r="R13" s="258">
        <v>0</v>
      </c>
      <c r="S13" s="135"/>
      <c r="T13" s="134">
        <v>0</v>
      </c>
      <c r="U13" s="305">
        <v>12828</v>
      </c>
    </row>
    <row r="14" spans="1:21" ht="17.25" customHeight="1" x14ac:dyDescent="0.15">
      <c r="A14" s="129" t="s">
        <v>32</v>
      </c>
      <c r="B14" s="137" t="s">
        <v>151</v>
      </c>
      <c r="C14" s="258">
        <v>0</v>
      </c>
      <c r="D14" s="135" t="s">
        <v>151</v>
      </c>
      <c r="E14" s="304">
        <v>1292</v>
      </c>
      <c r="F14" s="135">
        <v>0</v>
      </c>
      <c r="G14" s="216">
        <v>1292</v>
      </c>
      <c r="H14" s="135" t="s">
        <v>151</v>
      </c>
      <c r="I14" s="258">
        <v>0</v>
      </c>
      <c r="J14" s="135" t="s">
        <v>151</v>
      </c>
      <c r="K14" s="134">
        <v>23391</v>
      </c>
      <c r="L14" s="135"/>
      <c r="M14" s="134">
        <v>0</v>
      </c>
      <c r="N14" s="135">
        <v>23391</v>
      </c>
      <c r="O14" s="137" t="s">
        <v>151</v>
      </c>
      <c r="P14" s="134">
        <v>0</v>
      </c>
      <c r="Q14" s="258" t="s">
        <v>151</v>
      </c>
      <c r="R14" s="258">
        <v>24683</v>
      </c>
      <c r="S14" s="135"/>
      <c r="T14" s="134">
        <v>0</v>
      </c>
      <c r="U14" s="305">
        <v>24683</v>
      </c>
    </row>
    <row r="15" spans="1:21" ht="17.25" customHeight="1" x14ac:dyDescent="0.15">
      <c r="A15" s="129" t="s">
        <v>33</v>
      </c>
      <c r="B15" s="137" t="s">
        <v>168</v>
      </c>
      <c r="C15" s="258">
        <v>1195</v>
      </c>
      <c r="D15" s="135" t="s">
        <v>151</v>
      </c>
      <c r="E15" s="304">
        <v>0</v>
      </c>
      <c r="F15" s="135">
        <v>0</v>
      </c>
      <c r="G15" s="216">
        <v>1195</v>
      </c>
      <c r="H15" s="135" t="s">
        <v>168</v>
      </c>
      <c r="I15" s="258">
        <v>7204</v>
      </c>
      <c r="J15" s="135" t="s">
        <v>151</v>
      </c>
      <c r="K15" s="134">
        <v>0</v>
      </c>
      <c r="L15" s="135"/>
      <c r="M15" s="134">
        <v>0</v>
      </c>
      <c r="N15" s="216">
        <v>7204</v>
      </c>
      <c r="O15" s="258" t="s">
        <v>168</v>
      </c>
      <c r="P15" s="134">
        <v>8399</v>
      </c>
      <c r="Q15" s="258" t="s">
        <v>151</v>
      </c>
      <c r="R15" s="258">
        <v>0</v>
      </c>
      <c r="S15" s="135"/>
      <c r="T15" s="134">
        <v>0</v>
      </c>
      <c r="U15" s="305">
        <v>8399</v>
      </c>
    </row>
    <row r="16" spans="1:21" ht="17.25" customHeight="1" thickBot="1" x14ac:dyDescent="0.2">
      <c r="A16" s="306" t="s">
        <v>34</v>
      </c>
      <c r="B16" s="147" t="s">
        <v>151</v>
      </c>
      <c r="C16" s="266">
        <v>0</v>
      </c>
      <c r="D16" s="151" t="s">
        <v>206</v>
      </c>
      <c r="E16" s="307">
        <v>144</v>
      </c>
      <c r="F16" s="151">
        <v>0</v>
      </c>
      <c r="G16" s="219">
        <v>144</v>
      </c>
      <c r="H16" s="309" t="s">
        <v>151</v>
      </c>
      <c r="I16" s="266">
        <v>0</v>
      </c>
      <c r="J16" s="151" t="s">
        <v>202</v>
      </c>
      <c r="K16" s="150">
        <v>100</v>
      </c>
      <c r="L16" s="151"/>
      <c r="M16" s="150">
        <v>0</v>
      </c>
      <c r="N16" s="151">
        <v>100</v>
      </c>
      <c r="O16" s="147" t="s">
        <v>151</v>
      </c>
      <c r="P16" s="150">
        <v>0</v>
      </c>
      <c r="Q16" s="266" t="s">
        <v>151</v>
      </c>
      <c r="R16" s="266">
        <v>244</v>
      </c>
      <c r="S16" s="151"/>
      <c r="T16" s="150">
        <v>0</v>
      </c>
      <c r="U16" s="310">
        <v>244</v>
      </c>
    </row>
    <row r="17" spans="1:21" ht="17.25" customHeight="1" x14ac:dyDescent="0.15">
      <c r="A17" s="116" t="s">
        <v>35</v>
      </c>
      <c r="B17" s="141" t="s">
        <v>169</v>
      </c>
      <c r="C17" s="218">
        <v>2484</v>
      </c>
      <c r="D17" s="158" t="s">
        <v>151</v>
      </c>
      <c r="E17" s="299">
        <v>0</v>
      </c>
      <c r="F17" s="158">
        <v>0</v>
      </c>
      <c r="G17" s="213">
        <v>2484</v>
      </c>
      <c r="H17" s="311" t="s">
        <v>169</v>
      </c>
      <c r="I17" s="218">
        <v>16291</v>
      </c>
      <c r="J17" s="158" t="s">
        <v>151</v>
      </c>
      <c r="K17" s="180">
        <v>0</v>
      </c>
      <c r="L17" s="312"/>
      <c r="M17" s="180">
        <v>0</v>
      </c>
      <c r="N17" s="158">
        <v>16291</v>
      </c>
      <c r="O17" s="141" t="s">
        <v>169</v>
      </c>
      <c r="P17" s="180">
        <v>18775</v>
      </c>
      <c r="Q17" s="218" t="s">
        <v>151</v>
      </c>
      <c r="R17" s="218">
        <v>0</v>
      </c>
      <c r="S17" s="158"/>
      <c r="T17" s="180">
        <v>0</v>
      </c>
      <c r="U17" s="313">
        <v>18775</v>
      </c>
    </row>
    <row r="18" spans="1:21" ht="17.25" customHeight="1" x14ac:dyDescent="0.15">
      <c r="A18" s="129" t="s">
        <v>36</v>
      </c>
      <c r="B18" s="137" t="s">
        <v>151</v>
      </c>
      <c r="C18" s="258">
        <v>0</v>
      </c>
      <c r="D18" s="135" t="s">
        <v>151</v>
      </c>
      <c r="E18" s="304">
        <v>467</v>
      </c>
      <c r="F18" s="135">
        <v>0</v>
      </c>
      <c r="G18" s="216">
        <v>467</v>
      </c>
      <c r="H18" s="135" t="s">
        <v>151</v>
      </c>
      <c r="I18" s="258">
        <v>0</v>
      </c>
      <c r="J18" s="135" t="s">
        <v>151</v>
      </c>
      <c r="K18" s="134">
        <v>13035</v>
      </c>
      <c r="L18" s="135"/>
      <c r="M18" s="134">
        <v>0</v>
      </c>
      <c r="N18" s="135">
        <v>13035</v>
      </c>
      <c r="O18" s="137" t="s">
        <v>151</v>
      </c>
      <c r="P18" s="134">
        <v>0</v>
      </c>
      <c r="Q18" s="258" t="s">
        <v>151</v>
      </c>
      <c r="R18" s="258">
        <v>13502</v>
      </c>
      <c r="S18" s="135"/>
      <c r="T18" s="134">
        <v>0</v>
      </c>
      <c r="U18" s="305">
        <v>13502</v>
      </c>
    </row>
    <row r="19" spans="1:21" ht="17.25" customHeight="1" x14ac:dyDescent="0.15">
      <c r="A19" s="129" t="s">
        <v>37</v>
      </c>
      <c r="B19" s="131" t="s">
        <v>151</v>
      </c>
      <c r="C19" s="258">
        <v>1383</v>
      </c>
      <c r="D19" s="135" t="s">
        <v>151</v>
      </c>
      <c r="E19" s="304">
        <v>0</v>
      </c>
      <c r="F19" s="135">
        <v>0</v>
      </c>
      <c r="G19" s="216">
        <v>1383</v>
      </c>
      <c r="H19" s="314" t="s">
        <v>151</v>
      </c>
      <c r="I19" s="258">
        <v>12142</v>
      </c>
      <c r="J19" s="135" t="s">
        <v>151</v>
      </c>
      <c r="K19" s="134">
        <v>0</v>
      </c>
      <c r="L19" s="135"/>
      <c r="M19" s="134">
        <v>0</v>
      </c>
      <c r="N19" s="135">
        <v>12142</v>
      </c>
      <c r="O19" s="131" t="s">
        <v>151</v>
      </c>
      <c r="P19" s="134">
        <v>13525</v>
      </c>
      <c r="Q19" s="258" t="s">
        <v>151</v>
      </c>
      <c r="R19" s="258">
        <v>0</v>
      </c>
      <c r="S19" s="135"/>
      <c r="T19" s="134">
        <v>0</v>
      </c>
      <c r="U19" s="305">
        <v>13525</v>
      </c>
    </row>
    <row r="20" spans="1:21" ht="17.25" customHeight="1" x14ac:dyDescent="0.15">
      <c r="A20" s="129" t="s">
        <v>38</v>
      </c>
      <c r="B20" s="131" t="s">
        <v>151</v>
      </c>
      <c r="C20" s="258">
        <v>0</v>
      </c>
      <c r="D20" s="135" t="s">
        <v>151</v>
      </c>
      <c r="E20" s="304">
        <v>503</v>
      </c>
      <c r="F20" s="135">
        <v>0</v>
      </c>
      <c r="G20" s="216">
        <v>503</v>
      </c>
      <c r="H20" s="314" t="s">
        <v>151</v>
      </c>
      <c r="I20" s="258">
        <v>0</v>
      </c>
      <c r="J20" s="135" t="s">
        <v>151</v>
      </c>
      <c r="K20" s="134">
        <v>2986</v>
      </c>
      <c r="L20" s="135"/>
      <c r="M20" s="134">
        <v>0</v>
      </c>
      <c r="N20" s="135">
        <v>2986</v>
      </c>
      <c r="O20" s="131" t="s">
        <v>151</v>
      </c>
      <c r="P20" s="134">
        <v>0</v>
      </c>
      <c r="Q20" s="258" t="s">
        <v>151</v>
      </c>
      <c r="R20" s="258">
        <v>3489</v>
      </c>
      <c r="S20" s="135"/>
      <c r="T20" s="134">
        <v>0</v>
      </c>
      <c r="U20" s="305">
        <v>3489</v>
      </c>
    </row>
    <row r="21" spans="1:21" ht="17.25" customHeight="1" thickBot="1" x14ac:dyDescent="0.2">
      <c r="A21" s="306" t="s">
        <v>39</v>
      </c>
      <c r="B21" s="153" t="s">
        <v>151</v>
      </c>
      <c r="C21" s="266">
        <v>0</v>
      </c>
      <c r="D21" s="151" t="s">
        <v>151</v>
      </c>
      <c r="E21" s="307">
        <v>1432</v>
      </c>
      <c r="F21" s="151">
        <v>0</v>
      </c>
      <c r="G21" s="219">
        <v>1432</v>
      </c>
      <c r="H21" s="151" t="s">
        <v>151</v>
      </c>
      <c r="I21" s="266">
        <v>0</v>
      </c>
      <c r="J21" s="151" t="s">
        <v>151</v>
      </c>
      <c r="K21" s="150">
        <v>11744</v>
      </c>
      <c r="L21" s="151"/>
      <c r="M21" s="150">
        <v>0</v>
      </c>
      <c r="N21" s="168">
        <v>11744</v>
      </c>
      <c r="O21" s="153" t="s">
        <v>151</v>
      </c>
      <c r="P21" s="182">
        <v>0</v>
      </c>
      <c r="Q21" s="271" t="s">
        <v>151</v>
      </c>
      <c r="R21" s="271">
        <v>13176</v>
      </c>
      <c r="S21" s="168"/>
      <c r="T21" s="182">
        <v>0</v>
      </c>
      <c r="U21" s="308">
        <v>13176</v>
      </c>
    </row>
    <row r="22" spans="1:21" ht="17.25" customHeight="1" x14ac:dyDescent="0.15">
      <c r="A22" s="116" t="s">
        <v>40</v>
      </c>
      <c r="B22" s="137" t="s">
        <v>170</v>
      </c>
      <c r="C22" s="218">
        <v>468</v>
      </c>
      <c r="D22" s="158" t="s">
        <v>151</v>
      </c>
      <c r="E22" s="299">
        <v>0</v>
      </c>
      <c r="F22" s="158">
        <v>0</v>
      </c>
      <c r="G22" s="213">
        <v>468</v>
      </c>
      <c r="H22" s="135" t="s">
        <v>170</v>
      </c>
      <c r="I22" s="218">
        <v>2665</v>
      </c>
      <c r="J22" s="158" t="s">
        <v>151</v>
      </c>
      <c r="K22" s="180">
        <v>0</v>
      </c>
      <c r="L22" s="123"/>
      <c r="M22" s="315">
        <v>0</v>
      </c>
      <c r="N22" s="214">
        <v>2665</v>
      </c>
      <c r="O22" s="137" t="s">
        <v>170</v>
      </c>
      <c r="P22" s="121">
        <v>3133</v>
      </c>
      <c r="Q22" s="302" t="s">
        <v>151</v>
      </c>
      <c r="R22" s="302">
        <v>0</v>
      </c>
      <c r="S22" s="214"/>
      <c r="T22" s="121">
        <v>0</v>
      </c>
      <c r="U22" s="303">
        <v>3133</v>
      </c>
    </row>
    <row r="23" spans="1:21" ht="17.25" customHeight="1" x14ac:dyDescent="0.15">
      <c r="A23" s="129" t="s">
        <v>41</v>
      </c>
      <c r="B23" s="137" t="s">
        <v>170</v>
      </c>
      <c r="C23" s="258">
        <v>328</v>
      </c>
      <c r="D23" s="135" t="s">
        <v>151</v>
      </c>
      <c r="E23" s="304">
        <v>0</v>
      </c>
      <c r="F23" s="135">
        <v>0</v>
      </c>
      <c r="G23" s="216">
        <v>328</v>
      </c>
      <c r="H23" s="135" t="s">
        <v>170</v>
      </c>
      <c r="I23" s="258">
        <v>3101</v>
      </c>
      <c r="J23" s="135" t="s">
        <v>151</v>
      </c>
      <c r="K23" s="134">
        <v>0</v>
      </c>
      <c r="L23" s="135"/>
      <c r="M23" s="134">
        <v>0</v>
      </c>
      <c r="N23" s="135">
        <v>3101</v>
      </c>
      <c r="O23" s="137" t="s">
        <v>170</v>
      </c>
      <c r="P23" s="134">
        <v>3429</v>
      </c>
      <c r="Q23" s="258" t="s">
        <v>151</v>
      </c>
      <c r="R23" s="258">
        <v>0</v>
      </c>
      <c r="S23" s="135"/>
      <c r="T23" s="134">
        <v>0</v>
      </c>
      <c r="U23" s="305">
        <v>3429</v>
      </c>
    </row>
    <row r="24" spans="1:21" ht="17.25" customHeight="1" x14ac:dyDescent="0.15">
      <c r="A24" s="129" t="s">
        <v>42</v>
      </c>
      <c r="B24" s="137" t="s">
        <v>154</v>
      </c>
      <c r="C24" s="258">
        <v>362</v>
      </c>
      <c r="D24" s="135" t="s">
        <v>151</v>
      </c>
      <c r="E24" s="304">
        <v>0</v>
      </c>
      <c r="F24" s="135">
        <v>0</v>
      </c>
      <c r="G24" s="216">
        <v>362</v>
      </c>
      <c r="H24" s="135" t="s">
        <v>154</v>
      </c>
      <c r="I24" s="258">
        <v>11494</v>
      </c>
      <c r="J24" s="135" t="s">
        <v>151</v>
      </c>
      <c r="K24" s="134">
        <v>0</v>
      </c>
      <c r="L24" s="135"/>
      <c r="M24" s="134">
        <v>0</v>
      </c>
      <c r="N24" s="135">
        <v>11494</v>
      </c>
      <c r="O24" s="137" t="s">
        <v>154</v>
      </c>
      <c r="P24" s="134">
        <v>11856</v>
      </c>
      <c r="Q24" s="258" t="s">
        <v>151</v>
      </c>
      <c r="R24" s="258">
        <v>0</v>
      </c>
      <c r="S24" s="135"/>
      <c r="T24" s="134">
        <v>0</v>
      </c>
      <c r="U24" s="305">
        <v>11856</v>
      </c>
    </row>
    <row r="25" spans="1:21" ht="17.25" customHeight="1" thickBot="1" x14ac:dyDescent="0.2">
      <c r="A25" s="316" t="s">
        <v>43</v>
      </c>
      <c r="B25" s="137" t="s">
        <v>170</v>
      </c>
      <c r="C25" s="271">
        <v>494</v>
      </c>
      <c r="D25" s="168" t="s">
        <v>151</v>
      </c>
      <c r="E25" s="317">
        <v>0</v>
      </c>
      <c r="F25" s="168">
        <v>0</v>
      </c>
      <c r="G25" s="222">
        <v>494</v>
      </c>
      <c r="H25" s="135" t="s">
        <v>170</v>
      </c>
      <c r="I25" s="271">
        <v>3717</v>
      </c>
      <c r="J25" s="168" t="s">
        <v>151</v>
      </c>
      <c r="K25" s="182">
        <v>0</v>
      </c>
      <c r="L25" s="168"/>
      <c r="M25" s="150">
        <v>0</v>
      </c>
      <c r="N25" s="151">
        <v>3717</v>
      </c>
      <c r="O25" s="137" t="s">
        <v>170</v>
      </c>
      <c r="P25" s="150">
        <v>4211</v>
      </c>
      <c r="Q25" s="266" t="s">
        <v>151</v>
      </c>
      <c r="R25" s="266">
        <v>0</v>
      </c>
      <c r="S25" s="151"/>
      <c r="T25" s="150">
        <v>0</v>
      </c>
      <c r="U25" s="310">
        <v>4211</v>
      </c>
    </row>
    <row r="26" spans="1:21" ht="17.25" customHeight="1" thickBot="1" x14ac:dyDescent="0.2">
      <c r="A26" s="169" t="s">
        <v>93</v>
      </c>
      <c r="B26" s="508">
        <v>11933</v>
      </c>
      <c r="C26" s="469"/>
      <c r="D26" s="511">
        <v>20030</v>
      </c>
      <c r="E26" s="512"/>
      <c r="F26" s="175">
        <v>0</v>
      </c>
      <c r="G26" s="225">
        <v>31963</v>
      </c>
      <c r="H26" s="508">
        <v>95665</v>
      </c>
      <c r="I26" s="469"/>
      <c r="J26" s="468">
        <v>124290</v>
      </c>
      <c r="K26" s="469"/>
      <c r="L26" s="468">
        <v>0</v>
      </c>
      <c r="M26" s="469"/>
      <c r="N26" s="123">
        <v>219955</v>
      </c>
      <c r="O26" s="508">
        <v>107598</v>
      </c>
      <c r="P26" s="469"/>
      <c r="Q26" s="468">
        <v>144320</v>
      </c>
      <c r="R26" s="469"/>
      <c r="S26" s="468">
        <v>0</v>
      </c>
      <c r="T26" s="469"/>
      <c r="U26" s="318">
        <v>251918</v>
      </c>
    </row>
    <row r="27" spans="1:21" ht="17.25" customHeight="1" x14ac:dyDescent="0.15">
      <c r="A27" s="116" t="s">
        <v>45</v>
      </c>
      <c r="B27" s="137" t="s">
        <v>151</v>
      </c>
      <c r="C27" s="218">
        <v>0</v>
      </c>
      <c r="D27" s="312" t="s">
        <v>151</v>
      </c>
      <c r="E27" s="299">
        <v>66</v>
      </c>
      <c r="F27" s="158">
        <v>0</v>
      </c>
      <c r="G27" s="213">
        <v>66</v>
      </c>
      <c r="H27" s="137" t="s">
        <v>151</v>
      </c>
      <c r="I27" s="218">
        <v>0</v>
      </c>
      <c r="J27" s="158" t="s">
        <v>151</v>
      </c>
      <c r="K27" s="180">
        <v>7845</v>
      </c>
      <c r="L27" s="158"/>
      <c r="M27" s="121">
        <v>0</v>
      </c>
      <c r="N27" s="214">
        <v>7845</v>
      </c>
      <c r="O27" s="137" t="s">
        <v>151</v>
      </c>
      <c r="P27" s="121">
        <v>0</v>
      </c>
      <c r="Q27" s="302" t="s">
        <v>151</v>
      </c>
      <c r="R27" s="302">
        <v>7911</v>
      </c>
      <c r="S27" s="214"/>
      <c r="T27" s="121">
        <v>0</v>
      </c>
      <c r="U27" s="303">
        <v>7911</v>
      </c>
    </row>
    <row r="28" spans="1:21" ht="17.25" customHeight="1" x14ac:dyDescent="0.15">
      <c r="A28" s="129" t="s">
        <v>46</v>
      </c>
      <c r="B28" s="131" t="s">
        <v>151</v>
      </c>
      <c r="C28" s="258">
        <v>485</v>
      </c>
      <c r="D28" s="135" t="s">
        <v>151</v>
      </c>
      <c r="E28" s="304">
        <v>0</v>
      </c>
      <c r="F28" s="135">
        <v>0</v>
      </c>
      <c r="G28" s="216">
        <v>485</v>
      </c>
      <c r="H28" s="314" t="s">
        <v>151</v>
      </c>
      <c r="I28" s="258">
        <v>1974</v>
      </c>
      <c r="J28" s="135" t="s">
        <v>151</v>
      </c>
      <c r="K28" s="134">
        <v>0</v>
      </c>
      <c r="L28" s="135"/>
      <c r="M28" s="134">
        <v>0</v>
      </c>
      <c r="N28" s="135">
        <v>1974</v>
      </c>
      <c r="O28" s="131" t="s">
        <v>151</v>
      </c>
      <c r="P28" s="134">
        <v>2459</v>
      </c>
      <c r="Q28" s="258" t="s">
        <v>151</v>
      </c>
      <c r="R28" s="258">
        <v>0</v>
      </c>
      <c r="S28" s="135"/>
      <c r="T28" s="134">
        <v>0</v>
      </c>
      <c r="U28" s="305">
        <v>2459</v>
      </c>
    </row>
    <row r="29" spans="1:21" ht="17.25" customHeight="1" x14ac:dyDescent="0.15">
      <c r="A29" s="129" t="s">
        <v>47</v>
      </c>
      <c r="B29" s="131" t="s">
        <v>151</v>
      </c>
      <c r="C29" s="258">
        <v>374</v>
      </c>
      <c r="D29" s="135" t="s">
        <v>151</v>
      </c>
      <c r="E29" s="304">
        <v>0</v>
      </c>
      <c r="F29" s="135">
        <v>0</v>
      </c>
      <c r="G29" s="216">
        <v>374</v>
      </c>
      <c r="H29" s="314" t="s">
        <v>151</v>
      </c>
      <c r="I29" s="258">
        <v>5839</v>
      </c>
      <c r="J29" s="135" t="s">
        <v>151</v>
      </c>
      <c r="K29" s="134">
        <v>0</v>
      </c>
      <c r="L29" s="135"/>
      <c r="M29" s="134">
        <v>0</v>
      </c>
      <c r="N29" s="135">
        <v>5839</v>
      </c>
      <c r="O29" s="319"/>
      <c r="P29" s="134">
        <v>6213</v>
      </c>
      <c r="Q29" s="258" t="s">
        <v>151</v>
      </c>
      <c r="R29" s="258">
        <v>0</v>
      </c>
      <c r="S29" s="135"/>
      <c r="T29" s="134">
        <v>0</v>
      </c>
      <c r="U29" s="305">
        <v>6213</v>
      </c>
    </row>
    <row r="30" spans="1:21" ht="17.25" customHeight="1" thickBot="1" x14ac:dyDescent="0.2">
      <c r="A30" s="306" t="s">
        <v>48</v>
      </c>
      <c r="B30" s="147" t="s">
        <v>151</v>
      </c>
      <c r="C30" s="266">
        <v>0</v>
      </c>
      <c r="D30" s="151" t="s">
        <v>151</v>
      </c>
      <c r="E30" s="307">
        <v>270</v>
      </c>
      <c r="F30" s="151">
        <v>0</v>
      </c>
      <c r="G30" s="219">
        <v>270</v>
      </c>
      <c r="H30" s="309" t="s">
        <v>151</v>
      </c>
      <c r="I30" s="266">
        <v>0</v>
      </c>
      <c r="J30" s="151" t="s">
        <v>151</v>
      </c>
      <c r="K30" s="150">
        <v>3897</v>
      </c>
      <c r="L30" s="151"/>
      <c r="M30" s="150">
        <v>0</v>
      </c>
      <c r="N30" s="151">
        <v>3897</v>
      </c>
      <c r="O30" s="147" t="s">
        <v>151</v>
      </c>
      <c r="P30" s="150">
        <v>0</v>
      </c>
      <c r="Q30" s="266" t="s">
        <v>151</v>
      </c>
      <c r="R30" s="266">
        <v>4167</v>
      </c>
      <c r="S30" s="151"/>
      <c r="T30" s="150">
        <v>0</v>
      </c>
      <c r="U30" s="310">
        <v>4167</v>
      </c>
    </row>
    <row r="31" spans="1:21" ht="17.25" customHeight="1" x14ac:dyDescent="0.15">
      <c r="A31" s="116" t="s">
        <v>49</v>
      </c>
      <c r="B31" s="137" t="s">
        <v>154</v>
      </c>
      <c r="C31" s="218">
        <v>76</v>
      </c>
      <c r="D31" s="158" t="s">
        <v>151</v>
      </c>
      <c r="E31" s="299">
        <v>0</v>
      </c>
      <c r="F31" s="158">
        <v>0</v>
      </c>
      <c r="G31" s="213">
        <v>76</v>
      </c>
      <c r="H31" s="135" t="s">
        <v>154</v>
      </c>
      <c r="I31" s="218">
        <v>2328</v>
      </c>
      <c r="J31" s="158" t="s">
        <v>151</v>
      </c>
      <c r="K31" s="180">
        <v>0</v>
      </c>
      <c r="L31" s="158"/>
      <c r="M31" s="180">
        <v>0</v>
      </c>
      <c r="N31" s="158">
        <v>2328</v>
      </c>
      <c r="O31" s="137" t="s">
        <v>154</v>
      </c>
      <c r="P31" s="180">
        <v>2404</v>
      </c>
      <c r="Q31" s="218" t="s">
        <v>151</v>
      </c>
      <c r="R31" s="218">
        <v>0</v>
      </c>
      <c r="S31" s="158"/>
      <c r="T31" s="180">
        <v>0</v>
      </c>
      <c r="U31" s="313">
        <v>2404</v>
      </c>
    </row>
    <row r="32" spans="1:21" ht="17.25" customHeight="1" x14ac:dyDescent="0.15">
      <c r="A32" s="129" t="s">
        <v>50</v>
      </c>
      <c r="B32" s="137" t="s">
        <v>154</v>
      </c>
      <c r="C32" s="258">
        <v>47</v>
      </c>
      <c r="D32" s="135" t="s">
        <v>151</v>
      </c>
      <c r="E32" s="304">
        <v>0</v>
      </c>
      <c r="F32" s="135">
        <v>0</v>
      </c>
      <c r="G32" s="216">
        <v>47</v>
      </c>
      <c r="H32" s="135" t="s">
        <v>154</v>
      </c>
      <c r="I32" s="258">
        <v>986</v>
      </c>
      <c r="J32" s="135" t="s">
        <v>151</v>
      </c>
      <c r="K32" s="134">
        <v>0</v>
      </c>
      <c r="L32" s="135"/>
      <c r="M32" s="134">
        <v>0</v>
      </c>
      <c r="N32" s="135">
        <v>986</v>
      </c>
      <c r="O32" s="137" t="s">
        <v>154</v>
      </c>
      <c r="P32" s="134">
        <v>1033</v>
      </c>
      <c r="Q32" s="258" t="s">
        <v>151</v>
      </c>
      <c r="R32" s="258">
        <v>0</v>
      </c>
      <c r="S32" s="135"/>
      <c r="T32" s="134">
        <v>0</v>
      </c>
      <c r="U32" s="305">
        <v>1033</v>
      </c>
    </row>
    <row r="33" spans="1:21" ht="17.25" customHeight="1" x14ac:dyDescent="0.15">
      <c r="A33" s="129" t="s">
        <v>51</v>
      </c>
      <c r="B33" s="137" t="s">
        <v>154</v>
      </c>
      <c r="C33" s="258">
        <v>115</v>
      </c>
      <c r="D33" s="135" t="s">
        <v>151</v>
      </c>
      <c r="E33" s="304">
        <v>0</v>
      </c>
      <c r="F33" s="135">
        <v>0</v>
      </c>
      <c r="G33" s="216">
        <v>115</v>
      </c>
      <c r="H33" s="135" t="s">
        <v>154</v>
      </c>
      <c r="I33" s="258">
        <v>1023</v>
      </c>
      <c r="J33" s="135" t="s">
        <v>151</v>
      </c>
      <c r="K33" s="134">
        <v>0</v>
      </c>
      <c r="L33" s="135"/>
      <c r="M33" s="134">
        <v>0</v>
      </c>
      <c r="N33" s="135">
        <v>1023</v>
      </c>
      <c r="O33" s="137" t="s">
        <v>154</v>
      </c>
      <c r="P33" s="134">
        <v>1138</v>
      </c>
      <c r="Q33" s="258" t="s">
        <v>151</v>
      </c>
      <c r="R33" s="258">
        <v>0</v>
      </c>
      <c r="S33" s="135"/>
      <c r="T33" s="134">
        <v>0</v>
      </c>
      <c r="U33" s="305">
        <v>1138</v>
      </c>
    </row>
    <row r="34" spans="1:21" ht="17.25" customHeight="1" x14ac:dyDescent="0.15">
      <c r="A34" s="129" t="s">
        <v>52</v>
      </c>
      <c r="B34" s="137" t="s">
        <v>154</v>
      </c>
      <c r="C34" s="258">
        <v>440</v>
      </c>
      <c r="D34" s="135" t="s">
        <v>151</v>
      </c>
      <c r="E34" s="304">
        <v>0</v>
      </c>
      <c r="F34" s="135">
        <v>0</v>
      </c>
      <c r="G34" s="216">
        <v>440</v>
      </c>
      <c r="H34" s="135" t="s">
        <v>154</v>
      </c>
      <c r="I34" s="258">
        <v>2618</v>
      </c>
      <c r="J34" s="135" t="s">
        <v>151</v>
      </c>
      <c r="K34" s="134">
        <v>0</v>
      </c>
      <c r="L34" s="135"/>
      <c r="M34" s="134">
        <v>0</v>
      </c>
      <c r="N34" s="135">
        <v>2618</v>
      </c>
      <c r="O34" s="137" t="s">
        <v>154</v>
      </c>
      <c r="P34" s="134">
        <v>3058</v>
      </c>
      <c r="Q34" s="258" t="s">
        <v>151</v>
      </c>
      <c r="R34" s="258">
        <v>0</v>
      </c>
      <c r="S34" s="135"/>
      <c r="T34" s="134">
        <v>0</v>
      </c>
      <c r="U34" s="305">
        <v>3058</v>
      </c>
    </row>
    <row r="35" spans="1:21" ht="17.25" customHeight="1" thickBot="1" x14ac:dyDescent="0.2">
      <c r="A35" s="306" t="s">
        <v>53</v>
      </c>
      <c r="B35" s="153" t="s">
        <v>154</v>
      </c>
      <c r="C35" s="266">
        <v>59</v>
      </c>
      <c r="D35" s="151" t="s">
        <v>151</v>
      </c>
      <c r="E35" s="307">
        <v>0</v>
      </c>
      <c r="F35" s="151">
        <v>0</v>
      </c>
      <c r="G35" s="219">
        <v>59</v>
      </c>
      <c r="H35" s="151" t="s">
        <v>154</v>
      </c>
      <c r="I35" s="271">
        <v>2275</v>
      </c>
      <c r="J35" s="151" t="s">
        <v>151</v>
      </c>
      <c r="K35" s="150">
        <v>0</v>
      </c>
      <c r="L35" s="168"/>
      <c r="M35" s="182">
        <v>0</v>
      </c>
      <c r="N35" s="168">
        <v>2275</v>
      </c>
      <c r="O35" s="153" t="s">
        <v>154</v>
      </c>
      <c r="P35" s="182">
        <v>2334</v>
      </c>
      <c r="Q35" s="271" t="s">
        <v>151</v>
      </c>
      <c r="R35" s="271">
        <v>0</v>
      </c>
      <c r="S35" s="168"/>
      <c r="T35" s="182">
        <v>0</v>
      </c>
      <c r="U35" s="308">
        <v>2334</v>
      </c>
    </row>
    <row r="36" spans="1:21" ht="17.25" customHeight="1" x14ac:dyDescent="0.15">
      <c r="A36" s="116" t="s">
        <v>54</v>
      </c>
      <c r="B36" s="141" t="s">
        <v>151</v>
      </c>
      <c r="C36" s="218">
        <v>321</v>
      </c>
      <c r="D36" s="158" t="s">
        <v>151</v>
      </c>
      <c r="E36" s="299">
        <v>0</v>
      </c>
      <c r="F36" s="158">
        <v>0</v>
      </c>
      <c r="G36" s="213">
        <v>321</v>
      </c>
      <c r="H36" s="311" t="s">
        <v>151</v>
      </c>
      <c r="I36" s="302">
        <v>8606</v>
      </c>
      <c r="J36" s="158" t="s">
        <v>151</v>
      </c>
      <c r="K36" s="180">
        <v>0</v>
      </c>
      <c r="L36" s="214"/>
      <c r="M36" s="121">
        <v>0</v>
      </c>
      <c r="N36" s="214">
        <v>8606</v>
      </c>
      <c r="O36" s="141" t="s">
        <v>151</v>
      </c>
      <c r="P36" s="121">
        <v>8927</v>
      </c>
      <c r="Q36" s="302" t="s">
        <v>151</v>
      </c>
      <c r="R36" s="302">
        <v>0</v>
      </c>
      <c r="S36" s="214"/>
      <c r="T36" s="121">
        <v>0</v>
      </c>
      <c r="U36" s="303">
        <v>8927</v>
      </c>
    </row>
    <row r="37" spans="1:21" ht="17.25" customHeight="1" x14ac:dyDescent="0.15">
      <c r="A37" s="129" t="s">
        <v>55</v>
      </c>
      <c r="B37" s="320" t="s">
        <v>155</v>
      </c>
      <c r="C37" s="258">
        <v>72</v>
      </c>
      <c r="D37" s="135" t="s">
        <v>151</v>
      </c>
      <c r="E37" s="304">
        <v>0</v>
      </c>
      <c r="F37" s="135">
        <v>0</v>
      </c>
      <c r="G37" s="216">
        <v>72</v>
      </c>
      <c r="H37" s="321" t="s">
        <v>155</v>
      </c>
      <c r="I37" s="258">
        <v>3430</v>
      </c>
      <c r="J37" s="135" t="s">
        <v>151</v>
      </c>
      <c r="K37" s="134">
        <v>0</v>
      </c>
      <c r="L37" s="135"/>
      <c r="M37" s="134">
        <v>0</v>
      </c>
      <c r="N37" s="135">
        <v>3430</v>
      </c>
      <c r="O37" s="320" t="s">
        <v>155</v>
      </c>
      <c r="P37" s="134">
        <v>3502</v>
      </c>
      <c r="Q37" s="258" t="s">
        <v>151</v>
      </c>
      <c r="R37" s="258">
        <v>0</v>
      </c>
      <c r="S37" s="135"/>
      <c r="T37" s="134">
        <v>0</v>
      </c>
      <c r="U37" s="305">
        <v>3502</v>
      </c>
    </row>
    <row r="38" spans="1:21" ht="17.25" customHeight="1" x14ac:dyDescent="0.15">
      <c r="A38" s="129" t="s">
        <v>56</v>
      </c>
      <c r="B38" s="320" t="s">
        <v>155</v>
      </c>
      <c r="C38" s="258">
        <v>106</v>
      </c>
      <c r="D38" s="135" t="s">
        <v>151</v>
      </c>
      <c r="E38" s="304">
        <v>0</v>
      </c>
      <c r="F38" s="135">
        <v>0</v>
      </c>
      <c r="G38" s="216">
        <v>106</v>
      </c>
      <c r="H38" s="321" t="s">
        <v>155</v>
      </c>
      <c r="I38" s="258">
        <v>3693</v>
      </c>
      <c r="J38" s="135" t="s">
        <v>151</v>
      </c>
      <c r="K38" s="134">
        <v>0</v>
      </c>
      <c r="L38" s="135"/>
      <c r="M38" s="134">
        <v>0</v>
      </c>
      <c r="N38" s="135">
        <v>3693</v>
      </c>
      <c r="O38" s="320" t="s">
        <v>155</v>
      </c>
      <c r="P38" s="134">
        <v>3799</v>
      </c>
      <c r="Q38" s="258" t="s">
        <v>151</v>
      </c>
      <c r="R38" s="258">
        <v>0</v>
      </c>
      <c r="S38" s="135"/>
      <c r="T38" s="134">
        <v>0</v>
      </c>
      <c r="U38" s="305">
        <v>3799</v>
      </c>
    </row>
    <row r="39" spans="1:21" ht="17.25" customHeight="1" x14ac:dyDescent="0.15">
      <c r="A39" s="129" t="s">
        <v>57</v>
      </c>
      <c r="B39" s="131" t="s">
        <v>151</v>
      </c>
      <c r="C39" s="258">
        <v>241</v>
      </c>
      <c r="D39" s="135" t="s">
        <v>151</v>
      </c>
      <c r="E39" s="304">
        <v>0</v>
      </c>
      <c r="F39" s="135">
        <v>0</v>
      </c>
      <c r="G39" s="216">
        <v>241</v>
      </c>
      <c r="H39" s="314" t="s">
        <v>151</v>
      </c>
      <c r="I39" s="258">
        <v>3672</v>
      </c>
      <c r="J39" s="135" t="s">
        <v>151</v>
      </c>
      <c r="K39" s="134">
        <v>0</v>
      </c>
      <c r="L39" s="135"/>
      <c r="M39" s="134">
        <v>0</v>
      </c>
      <c r="N39" s="135">
        <v>3672</v>
      </c>
      <c r="O39" s="131" t="s">
        <v>151</v>
      </c>
      <c r="P39" s="134">
        <v>3913</v>
      </c>
      <c r="Q39" s="258" t="s">
        <v>151</v>
      </c>
      <c r="R39" s="258">
        <v>0</v>
      </c>
      <c r="S39" s="135"/>
      <c r="T39" s="134">
        <v>0</v>
      </c>
      <c r="U39" s="305">
        <v>3913</v>
      </c>
    </row>
    <row r="40" spans="1:21" ht="17.25" customHeight="1" thickBot="1" x14ac:dyDescent="0.2">
      <c r="A40" s="306" t="s">
        <v>58</v>
      </c>
      <c r="B40" s="322" t="s">
        <v>168</v>
      </c>
      <c r="C40" s="266">
        <v>29</v>
      </c>
      <c r="D40" s="151" t="s">
        <v>151</v>
      </c>
      <c r="E40" s="307">
        <v>0</v>
      </c>
      <c r="F40" s="151">
        <v>0</v>
      </c>
      <c r="G40" s="219">
        <v>29</v>
      </c>
      <c r="H40" s="323" t="s">
        <v>168</v>
      </c>
      <c r="I40" s="266">
        <v>140</v>
      </c>
      <c r="J40" s="151" t="s">
        <v>151</v>
      </c>
      <c r="K40" s="150">
        <v>0</v>
      </c>
      <c r="L40" s="151"/>
      <c r="M40" s="150">
        <v>0</v>
      </c>
      <c r="N40" s="151">
        <v>140</v>
      </c>
      <c r="O40" s="322" t="s">
        <v>168</v>
      </c>
      <c r="P40" s="150">
        <v>169</v>
      </c>
      <c r="Q40" s="266" t="s">
        <v>151</v>
      </c>
      <c r="R40" s="266">
        <v>0</v>
      </c>
      <c r="S40" s="151"/>
      <c r="T40" s="150">
        <v>0</v>
      </c>
      <c r="U40" s="310">
        <v>169</v>
      </c>
    </row>
    <row r="41" spans="1:21" ht="17.25" customHeight="1" thickBot="1" x14ac:dyDescent="0.2">
      <c r="A41" s="169" t="s">
        <v>95</v>
      </c>
      <c r="B41" s="171"/>
      <c r="C41" s="324">
        <v>2365</v>
      </c>
      <c r="D41" s="226"/>
      <c r="E41" s="325">
        <v>336</v>
      </c>
      <c r="F41" s="185">
        <v>0</v>
      </c>
      <c r="G41" s="326">
        <v>2701</v>
      </c>
      <c r="H41" s="226"/>
      <c r="I41" s="324">
        <v>36584</v>
      </c>
      <c r="J41" s="226"/>
      <c r="K41" s="325">
        <v>11742</v>
      </c>
      <c r="L41" s="226"/>
      <c r="M41" s="184">
        <v>0</v>
      </c>
      <c r="N41" s="226">
        <v>48326</v>
      </c>
      <c r="O41" s="171"/>
      <c r="P41" s="325">
        <v>38949</v>
      </c>
      <c r="Q41" s="324"/>
      <c r="R41" s="324">
        <v>12078</v>
      </c>
      <c r="S41" s="226"/>
      <c r="T41" s="184">
        <v>0</v>
      </c>
      <c r="U41" s="326">
        <v>51027</v>
      </c>
    </row>
    <row r="42" spans="1:21" ht="17.25" customHeight="1" thickBot="1" x14ac:dyDescent="0.2">
      <c r="A42" s="111" t="s">
        <v>96</v>
      </c>
      <c r="B42" s="187"/>
      <c r="C42" s="230">
        <v>14298</v>
      </c>
      <c r="D42" s="189"/>
      <c r="E42" s="285">
        <v>20366</v>
      </c>
      <c r="F42" s="231">
        <v>0</v>
      </c>
      <c r="G42" s="327">
        <v>34664</v>
      </c>
      <c r="H42" s="189"/>
      <c r="I42" s="230">
        <v>132249</v>
      </c>
      <c r="J42" s="189"/>
      <c r="K42" s="285">
        <v>136032</v>
      </c>
      <c r="L42" s="189"/>
      <c r="M42" s="285">
        <v>0</v>
      </c>
      <c r="N42" s="189">
        <v>268281</v>
      </c>
      <c r="O42" s="187"/>
      <c r="P42" s="285">
        <v>146547</v>
      </c>
      <c r="Q42" s="230"/>
      <c r="R42" s="230">
        <v>156398</v>
      </c>
      <c r="S42" s="189"/>
      <c r="T42" s="285">
        <v>0</v>
      </c>
      <c r="U42" s="327">
        <v>302945</v>
      </c>
    </row>
    <row r="43" spans="1:21" s="79" customFormat="1" ht="15.75" customHeight="1" x14ac:dyDescent="0.15">
      <c r="A43" s="79" t="s">
        <v>157</v>
      </c>
      <c r="C43" s="290"/>
      <c r="D43" s="290"/>
      <c r="G43" s="289"/>
      <c r="I43" s="289"/>
      <c r="J43" s="289"/>
      <c r="O43" s="2"/>
      <c r="P43" s="2"/>
      <c r="Q43" s="2"/>
      <c r="R43" s="2"/>
      <c r="S43" s="2"/>
      <c r="T43" s="2"/>
      <c r="U43" s="2"/>
    </row>
    <row r="44" spans="1:21" s="79" customFormat="1" ht="15.75" customHeight="1" x14ac:dyDescent="0.15">
      <c r="A44" s="2" t="s">
        <v>158</v>
      </c>
      <c r="C44" s="290"/>
      <c r="D44" s="290"/>
      <c r="G44" s="289"/>
      <c r="I44" s="289"/>
      <c r="J44" s="289"/>
    </row>
    <row r="45" spans="1:21" s="79" customFormat="1" ht="15.75" customHeight="1" x14ac:dyDescent="0.15">
      <c r="A45" s="79" t="s">
        <v>207</v>
      </c>
      <c r="C45" s="290"/>
      <c r="D45" s="290"/>
      <c r="G45" s="289"/>
      <c r="I45" s="289"/>
      <c r="J45" s="289"/>
    </row>
    <row r="46" spans="1:21" s="79" customFormat="1" ht="15.75" customHeight="1" x14ac:dyDescent="0.15">
      <c r="A46" s="2" t="s">
        <v>205</v>
      </c>
      <c r="C46" s="290"/>
      <c r="D46" s="290"/>
      <c r="G46" s="289"/>
      <c r="I46" s="289"/>
      <c r="J46" s="289"/>
    </row>
    <row r="47" spans="1:21" s="79" customFormat="1" ht="15.75" customHeight="1" x14ac:dyDescent="0.15">
      <c r="A47" s="2" t="s">
        <v>204</v>
      </c>
      <c r="B47" s="328"/>
      <c r="E47" s="328"/>
    </row>
    <row r="54" spans="1:1" ht="16.5" customHeight="1" x14ac:dyDescent="0.15">
      <c r="A54" s="80"/>
    </row>
  </sheetData>
  <mergeCells count="26">
    <mergeCell ref="B26:C26"/>
    <mergeCell ref="D26:E26"/>
    <mergeCell ref="H26:I26"/>
    <mergeCell ref="J26:K26"/>
    <mergeCell ref="L26:M26"/>
    <mergeCell ref="B6:C6"/>
    <mergeCell ref="D6:E6"/>
    <mergeCell ref="H6:I6"/>
    <mergeCell ref="J6:K6"/>
    <mergeCell ref="L6:M6"/>
    <mergeCell ref="Q6:R6"/>
    <mergeCell ref="S6:T6"/>
    <mergeCell ref="O26:P26"/>
    <mergeCell ref="Q26:R26"/>
    <mergeCell ref="S26:T26"/>
    <mergeCell ref="O6:P6"/>
    <mergeCell ref="B4:F4"/>
    <mergeCell ref="H4:M4"/>
    <mergeCell ref="S4:T4"/>
    <mergeCell ref="B5:C5"/>
    <mergeCell ref="D5:E5"/>
    <mergeCell ref="H5:I5"/>
    <mergeCell ref="L5:M5"/>
    <mergeCell ref="O5:P5"/>
    <mergeCell ref="Q5:R5"/>
    <mergeCell ref="S5:T5"/>
  </mergeCells>
  <phoneticPr fontId="2"/>
  <conditionalFormatting sqref="B7:B25 D7:D25 H7:H25 J7:J25 O7:O25 Q7:Q25 O27:O28 B27:B40 D27:D40 H27:H40 J27:J40 Q27:Q40 O30:O40">
    <cfRule type="beginsWith" priority="1" stopIfTrue="1" operator="beginsWith" text="*">
      <formula>LEFT(B7,1)="*"</formula>
    </cfRule>
    <cfRule type="notContainsBlanks" dxfId="3" priority="2">
      <formula>LEN(TRIM(B7))&gt;0</formula>
    </cfRule>
    <cfRule type="containsBlanks" dxfId="2" priority="3">
      <formula>LEN(TRIM(B7))=0</formula>
    </cfRule>
  </conditionalFormatting>
  <conditionalFormatting sqref="B7:J42 N7:U42 K7:K25 M7:M25 L7:L42 K27:K42 M27:M42">
    <cfRule type="cellIs" dxfId="1" priority="4" stopIfTrue="1" operator="equal">
      <formula>0</formula>
    </cfRule>
  </conditionalFormatting>
  <pageMargins left="0.59055118110236227" right="0.59055118110236227" top="0.78740157480314965" bottom="0.78740157480314965" header="0.51181102362204722" footer="0.39370078740157483"/>
  <pageSetup paperSize="9" scale="95" orientation="portrait" r:id="rId1"/>
  <headerFooter alignWithMargins="0"/>
  <colBreaks count="1" manualBreakCount="1">
    <brk id="11" max="47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10"/>
  <dimension ref="A1:J45"/>
  <sheetViews>
    <sheetView topLeftCell="A20" zoomScaleNormal="100" zoomScaleSheetLayoutView="100" workbookViewId="0">
      <selection activeCell="O15" sqref="O15"/>
    </sheetView>
  </sheetViews>
  <sheetFormatPr defaultColWidth="9" defaultRowHeight="16.5" customHeight="1" x14ac:dyDescent="0.15"/>
  <cols>
    <col min="1" max="1" width="10" style="9" customWidth="1"/>
    <col min="2" max="2" width="9.375" style="2" customWidth="1"/>
    <col min="3" max="3" width="9.125" style="2" customWidth="1"/>
    <col min="4" max="10" width="8.625" style="2" customWidth="1"/>
    <col min="11" max="11" width="3.375" style="2" customWidth="1"/>
    <col min="12" max="16384" width="9" style="2"/>
  </cols>
  <sheetData>
    <row r="1" spans="1:10" s="6" customFormat="1" ht="16.5" customHeight="1" x14ac:dyDescent="0.15">
      <c r="A1" s="4"/>
      <c r="B1" s="191"/>
      <c r="C1" s="191"/>
      <c r="D1" s="191"/>
      <c r="E1" s="191"/>
      <c r="F1" s="191"/>
      <c r="G1" s="174"/>
      <c r="H1" s="174"/>
      <c r="I1" s="174"/>
      <c r="J1" s="174"/>
    </row>
    <row r="2" spans="1:10" s="9" customFormat="1" ht="9" customHeight="1" x14ac:dyDescent="0.15">
      <c r="A2" s="79"/>
      <c r="B2" s="79"/>
      <c r="C2" s="79"/>
      <c r="D2" s="79"/>
      <c r="E2" s="79"/>
      <c r="F2" s="79"/>
      <c r="G2" s="79"/>
      <c r="H2" s="79"/>
      <c r="I2" s="79"/>
      <c r="J2" s="79"/>
    </row>
    <row r="3" spans="1:10" s="9" customFormat="1" ht="16.5" customHeight="1" thickBot="1" x14ac:dyDescent="0.2">
      <c r="A3" s="329" t="s">
        <v>171</v>
      </c>
      <c r="B3" s="330"/>
      <c r="C3" s="330"/>
      <c r="D3" s="330"/>
      <c r="E3" s="330"/>
      <c r="F3" s="330"/>
      <c r="G3" s="330"/>
      <c r="H3" s="330"/>
      <c r="I3" s="330"/>
      <c r="J3" s="194" t="s">
        <v>172</v>
      </c>
    </row>
    <row r="4" spans="1:10" s="9" customFormat="1" ht="16.5" customHeight="1" x14ac:dyDescent="0.15">
      <c r="A4" s="516" t="s">
        <v>70</v>
      </c>
      <c r="B4" s="519" t="s">
        <v>173</v>
      </c>
      <c r="C4" s="522" t="s">
        <v>174</v>
      </c>
      <c r="D4" s="525" t="s">
        <v>175</v>
      </c>
      <c r="E4" s="528" t="s">
        <v>176</v>
      </c>
      <c r="F4" s="529"/>
      <c r="G4" s="529"/>
      <c r="H4" s="529"/>
      <c r="I4" s="530"/>
      <c r="J4" s="531"/>
    </row>
    <row r="5" spans="1:10" ht="21" customHeight="1" x14ac:dyDescent="0.15">
      <c r="A5" s="517"/>
      <c r="B5" s="520"/>
      <c r="C5" s="523"/>
      <c r="D5" s="526"/>
      <c r="E5" s="532" t="s">
        <v>177</v>
      </c>
      <c r="F5" s="535" t="s">
        <v>178</v>
      </c>
      <c r="G5" s="535" t="s">
        <v>179</v>
      </c>
      <c r="H5" s="535" t="s">
        <v>180</v>
      </c>
      <c r="I5" s="535" t="s">
        <v>181</v>
      </c>
      <c r="J5" s="513" t="s">
        <v>147</v>
      </c>
    </row>
    <row r="6" spans="1:10" ht="21" customHeight="1" x14ac:dyDescent="0.15">
      <c r="A6" s="517"/>
      <c r="B6" s="520"/>
      <c r="C6" s="523"/>
      <c r="D6" s="526"/>
      <c r="E6" s="533"/>
      <c r="F6" s="536"/>
      <c r="G6" s="536"/>
      <c r="H6" s="536"/>
      <c r="I6" s="536"/>
      <c r="J6" s="514"/>
    </row>
    <row r="7" spans="1:10" ht="21" customHeight="1" thickBot="1" x14ac:dyDescent="0.2">
      <c r="A7" s="518"/>
      <c r="B7" s="521"/>
      <c r="C7" s="524"/>
      <c r="D7" s="527"/>
      <c r="E7" s="534"/>
      <c r="F7" s="537"/>
      <c r="G7" s="537"/>
      <c r="H7" s="537"/>
      <c r="I7" s="537"/>
      <c r="J7" s="515"/>
    </row>
    <row r="8" spans="1:10" ht="18.75" customHeight="1" x14ac:dyDescent="0.15">
      <c r="A8" s="331" t="s">
        <v>25</v>
      </c>
      <c r="B8" s="332">
        <v>0</v>
      </c>
      <c r="C8" s="333">
        <v>0</v>
      </c>
      <c r="D8" s="334">
        <v>0</v>
      </c>
      <c r="E8" s="335">
        <v>0</v>
      </c>
      <c r="F8" s="333">
        <v>0</v>
      </c>
      <c r="G8" s="336">
        <v>0</v>
      </c>
      <c r="H8" s="336">
        <v>0</v>
      </c>
      <c r="I8" s="337">
        <v>0</v>
      </c>
      <c r="J8" s="338">
        <v>0</v>
      </c>
    </row>
    <row r="9" spans="1:10" ht="18.75" customHeight="1" x14ac:dyDescent="0.15">
      <c r="A9" s="339" t="s">
        <v>26</v>
      </c>
      <c r="B9" s="340">
        <v>0</v>
      </c>
      <c r="C9" s="341">
        <v>0</v>
      </c>
      <c r="D9" s="342">
        <v>0</v>
      </c>
      <c r="E9" s="343">
        <v>0</v>
      </c>
      <c r="F9" s="341">
        <v>0</v>
      </c>
      <c r="G9" s="344">
        <v>0</v>
      </c>
      <c r="H9" s="344">
        <v>0</v>
      </c>
      <c r="I9" s="345">
        <v>0</v>
      </c>
      <c r="J9" s="346">
        <v>0</v>
      </c>
    </row>
    <row r="10" spans="1:10" ht="18.75" customHeight="1" x14ac:dyDescent="0.15">
      <c r="A10" s="339" t="s">
        <v>27</v>
      </c>
      <c r="B10" s="340">
        <v>26299</v>
      </c>
      <c r="C10" s="341">
        <v>499</v>
      </c>
      <c r="D10" s="342">
        <v>19</v>
      </c>
      <c r="E10" s="343">
        <v>0</v>
      </c>
      <c r="F10" s="341">
        <v>0</v>
      </c>
      <c r="G10" s="344">
        <v>19</v>
      </c>
      <c r="H10" s="344">
        <v>0</v>
      </c>
      <c r="I10" s="345">
        <v>0</v>
      </c>
      <c r="J10" s="346">
        <v>0</v>
      </c>
    </row>
    <row r="11" spans="1:10" ht="18.75" customHeight="1" x14ac:dyDescent="0.15">
      <c r="A11" s="339" t="s">
        <v>28</v>
      </c>
      <c r="B11" s="340">
        <v>0</v>
      </c>
      <c r="C11" s="341">
        <v>0</v>
      </c>
      <c r="D11" s="342">
        <v>0</v>
      </c>
      <c r="E11" s="343">
        <v>0</v>
      </c>
      <c r="F11" s="341">
        <v>0</v>
      </c>
      <c r="G11" s="344">
        <v>0</v>
      </c>
      <c r="H11" s="344">
        <v>0</v>
      </c>
      <c r="I11" s="345">
        <v>0</v>
      </c>
      <c r="J11" s="346">
        <v>0</v>
      </c>
    </row>
    <row r="12" spans="1:10" ht="18.75" customHeight="1" thickBot="1" x14ac:dyDescent="0.2">
      <c r="A12" s="347" t="s">
        <v>29</v>
      </c>
      <c r="B12" s="348">
        <v>5143</v>
      </c>
      <c r="C12" s="349">
        <v>0</v>
      </c>
      <c r="D12" s="350">
        <v>148</v>
      </c>
      <c r="E12" s="351">
        <v>0</v>
      </c>
      <c r="F12" s="349">
        <v>0</v>
      </c>
      <c r="G12" s="352">
        <v>148</v>
      </c>
      <c r="H12" s="352">
        <v>0</v>
      </c>
      <c r="I12" s="353">
        <v>0</v>
      </c>
      <c r="J12" s="354">
        <v>0</v>
      </c>
    </row>
    <row r="13" spans="1:10" ht="18.75" customHeight="1" x14ac:dyDescent="0.15">
      <c r="A13" s="331" t="s">
        <v>30</v>
      </c>
      <c r="B13" s="332">
        <v>0</v>
      </c>
      <c r="C13" s="333">
        <v>0</v>
      </c>
      <c r="D13" s="334">
        <v>0</v>
      </c>
      <c r="E13" s="335">
        <v>0</v>
      </c>
      <c r="F13" s="333">
        <v>0</v>
      </c>
      <c r="G13" s="336">
        <v>0</v>
      </c>
      <c r="H13" s="336">
        <v>0</v>
      </c>
      <c r="I13" s="337">
        <v>0</v>
      </c>
      <c r="J13" s="338">
        <v>0</v>
      </c>
    </row>
    <row r="14" spans="1:10" ht="18.75" customHeight="1" x14ac:dyDescent="0.15">
      <c r="A14" s="339" t="s">
        <v>31</v>
      </c>
      <c r="B14" s="340">
        <v>12828</v>
      </c>
      <c r="C14" s="341">
        <v>0</v>
      </c>
      <c r="D14" s="342">
        <v>273</v>
      </c>
      <c r="E14" s="343">
        <v>0</v>
      </c>
      <c r="F14" s="341">
        <v>0</v>
      </c>
      <c r="G14" s="344">
        <v>273</v>
      </c>
      <c r="H14" s="344">
        <v>0</v>
      </c>
      <c r="I14" s="345">
        <v>0</v>
      </c>
      <c r="J14" s="346">
        <v>0</v>
      </c>
    </row>
    <row r="15" spans="1:10" ht="18.75" customHeight="1" x14ac:dyDescent="0.15">
      <c r="A15" s="339" t="s">
        <v>32</v>
      </c>
      <c r="B15" s="340">
        <v>0</v>
      </c>
      <c r="C15" s="341">
        <v>0</v>
      </c>
      <c r="D15" s="342">
        <v>0</v>
      </c>
      <c r="E15" s="343">
        <v>0</v>
      </c>
      <c r="F15" s="341">
        <v>0</v>
      </c>
      <c r="G15" s="344">
        <v>0</v>
      </c>
      <c r="H15" s="344">
        <v>0</v>
      </c>
      <c r="I15" s="345">
        <v>0</v>
      </c>
      <c r="J15" s="346">
        <v>0</v>
      </c>
    </row>
    <row r="16" spans="1:10" ht="18.75" customHeight="1" x14ac:dyDescent="0.15">
      <c r="A16" s="339" t="s">
        <v>33</v>
      </c>
      <c r="B16" s="340">
        <v>8399</v>
      </c>
      <c r="C16" s="341">
        <v>0</v>
      </c>
      <c r="D16" s="342">
        <v>170</v>
      </c>
      <c r="E16" s="343">
        <v>0</v>
      </c>
      <c r="F16" s="341">
        <v>0</v>
      </c>
      <c r="G16" s="344">
        <v>170</v>
      </c>
      <c r="H16" s="344">
        <v>0</v>
      </c>
      <c r="I16" s="345">
        <v>0</v>
      </c>
      <c r="J16" s="346">
        <v>0</v>
      </c>
    </row>
    <row r="17" spans="1:10" ht="18.75" customHeight="1" thickBot="1" x14ac:dyDescent="0.2">
      <c r="A17" s="347" t="s">
        <v>34</v>
      </c>
      <c r="B17" s="348">
        <v>0</v>
      </c>
      <c r="C17" s="349">
        <v>0</v>
      </c>
      <c r="D17" s="350">
        <v>0</v>
      </c>
      <c r="E17" s="351">
        <v>0</v>
      </c>
      <c r="F17" s="349">
        <v>0</v>
      </c>
      <c r="G17" s="352">
        <v>0</v>
      </c>
      <c r="H17" s="352">
        <v>0</v>
      </c>
      <c r="I17" s="353">
        <v>0</v>
      </c>
      <c r="J17" s="354">
        <v>0</v>
      </c>
    </row>
    <row r="18" spans="1:10" ht="18.75" customHeight="1" x14ac:dyDescent="0.15">
      <c r="A18" s="331" t="s">
        <v>35</v>
      </c>
      <c r="B18" s="332">
        <v>18775</v>
      </c>
      <c r="C18" s="333">
        <v>518</v>
      </c>
      <c r="D18" s="334">
        <v>529</v>
      </c>
      <c r="E18" s="335">
        <v>0</v>
      </c>
      <c r="F18" s="333">
        <v>518</v>
      </c>
      <c r="G18" s="336">
        <v>0</v>
      </c>
      <c r="H18" s="336">
        <v>0</v>
      </c>
      <c r="I18" s="337">
        <v>11</v>
      </c>
      <c r="J18" s="338">
        <v>0</v>
      </c>
    </row>
    <row r="19" spans="1:10" ht="18.75" customHeight="1" x14ac:dyDescent="0.15">
      <c r="A19" s="339" t="s">
        <v>36</v>
      </c>
      <c r="B19" s="340">
        <v>0</v>
      </c>
      <c r="C19" s="341">
        <v>0</v>
      </c>
      <c r="D19" s="342">
        <v>0</v>
      </c>
      <c r="E19" s="343">
        <v>0</v>
      </c>
      <c r="F19" s="341">
        <v>0</v>
      </c>
      <c r="G19" s="344">
        <v>0</v>
      </c>
      <c r="H19" s="344">
        <v>0</v>
      </c>
      <c r="I19" s="345">
        <v>0</v>
      </c>
      <c r="J19" s="346">
        <v>0</v>
      </c>
    </row>
    <row r="20" spans="1:10" ht="18.75" customHeight="1" x14ac:dyDescent="0.15">
      <c r="A20" s="339" t="s">
        <v>37</v>
      </c>
      <c r="B20" s="340">
        <v>13525</v>
      </c>
      <c r="C20" s="341">
        <v>0</v>
      </c>
      <c r="D20" s="342">
        <v>310</v>
      </c>
      <c r="E20" s="343">
        <v>0</v>
      </c>
      <c r="F20" s="341">
        <v>0</v>
      </c>
      <c r="G20" s="344">
        <v>310</v>
      </c>
      <c r="H20" s="344">
        <v>0</v>
      </c>
      <c r="I20" s="345">
        <v>0</v>
      </c>
      <c r="J20" s="346">
        <v>0</v>
      </c>
    </row>
    <row r="21" spans="1:10" ht="18.75" customHeight="1" x14ac:dyDescent="0.15">
      <c r="A21" s="339" t="s">
        <v>38</v>
      </c>
      <c r="B21" s="340">
        <v>0</v>
      </c>
      <c r="C21" s="341">
        <v>0</v>
      </c>
      <c r="D21" s="342">
        <v>0</v>
      </c>
      <c r="E21" s="343">
        <v>0</v>
      </c>
      <c r="F21" s="341">
        <v>0</v>
      </c>
      <c r="G21" s="344">
        <v>0</v>
      </c>
      <c r="H21" s="344">
        <v>0</v>
      </c>
      <c r="I21" s="345">
        <v>0</v>
      </c>
      <c r="J21" s="346">
        <v>0</v>
      </c>
    </row>
    <row r="22" spans="1:10" ht="18.75" customHeight="1" thickBot="1" x14ac:dyDescent="0.2">
      <c r="A22" s="347" t="s">
        <v>39</v>
      </c>
      <c r="B22" s="348">
        <v>0</v>
      </c>
      <c r="C22" s="349">
        <v>0</v>
      </c>
      <c r="D22" s="350">
        <v>0</v>
      </c>
      <c r="E22" s="351">
        <v>0</v>
      </c>
      <c r="F22" s="349">
        <v>0</v>
      </c>
      <c r="G22" s="352">
        <v>0</v>
      </c>
      <c r="H22" s="352">
        <v>0</v>
      </c>
      <c r="I22" s="353">
        <v>0</v>
      </c>
      <c r="J22" s="354">
        <v>0</v>
      </c>
    </row>
    <row r="23" spans="1:10" s="79" customFormat="1" ht="18.75" customHeight="1" x14ac:dyDescent="0.15">
      <c r="A23" s="355" t="s">
        <v>40</v>
      </c>
      <c r="B23" s="356">
        <v>3133</v>
      </c>
      <c r="C23" s="357">
        <v>0</v>
      </c>
      <c r="D23" s="358">
        <v>139</v>
      </c>
      <c r="E23" s="359">
        <v>0</v>
      </c>
      <c r="F23" s="357">
        <v>0</v>
      </c>
      <c r="G23" s="360">
        <v>139</v>
      </c>
      <c r="H23" s="360">
        <v>0</v>
      </c>
      <c r="I23" s="361">
        <v>0</v>
      </c>
      <c r="J23" s="362">
        <v>0</v>
      </c>
    </row>
    <row r="24" spans="1:10" s="79" customFormat="1" ht="18.75" customHeight="1" x14ac:dyDescent="0.15">
      <c r="A24" s="339" t="s">
        <v>41</v>
      </c>
      <c r="B24" s="340">
        <v>3429</v>
      </c>
      <c r="C24" s="341">
        <v>0</v>
      </c>
      <c r="D24" s="342">
        <v>152</v>
      </c>
      <c r="E24" s="343">
        <v>0</v>
      </c>
      <c r="F24" s="341">
        <v>0</v>
      </c>
      <c r="G24" s="344">
        <v>152</v>
      </c>
      <c r="H24" s="344">
        <v>0</v>
      </c>
      <c r="I24" s="345">
        <v>0</v>
      </c>
      <c r="J24" s="346">
        <v>0</v>
      </c>
    </row>
    <row r="25" spans="1:10" s="79" customFormat="1" ht="18.75" customHeight="1" x14ac:dyDescent="0.15">
      <c r="A25" s="339" t="s">
        <v>42</v>
      </c>
      <c r="B25" s="340">
        <v>11856</v>
      </c>
      <c r="C25" s="341">
        <v>213</v>
      </c>
      <c r="D25" s="342">
        <v>310</v>
      </c>
      <c r="E25" s="343">
        <v>0</v>
      </c>
      <c r="F25" s="341">
        <v>281</v>
      </c>
      <c r="G25" s="344">
        <v>29</v>
      </c>
      <c r="H25" s="344">
        <v>0</v>
      </c>
      <c r="I25" s="345">
        <v>0</v>
      </c>
      <c r="J25" s="346">
        <v>0</v>
      </c>
    </row>
    <row r="26" spans="1:10" s="79" customFormat="1" ht="18.75" customHeight="1" thickBot="1" x14ac:dyDescent="0.2">
      <c r="A26" s="363" t="s">
        <v>43</v>
      </c>
      <c r="B26" s="364">
        <v>4211</v>
      </c>
      <c r="C26" s="365">
        <v>0</v>
      </c>
      <c r="D26" s="366">
        <v>186</v>
      </c>
      <c r="E26" s="367">
        <v>0</v>
      </c>
      <c r="F26" s="365">
        <v>0</v>
      </c>
      <c r="G26" s="368">
        <v>186</v>
      </c>
      <c r="H26" s="368">
        <v>0</v>
      </c>
      <c r="I26" s="369">
        <v>0</v>
      </c>
      <c r="J26" s="370">
        <v>0</v>
      </c>
    </row>
    <row r="27" spans="1:10" ht="18.75" customHeight="1" thickBot="1" x14ac:dyDescent="0.2">
      <c r="A27" s="371" t="s">
        <v>93</v>
      </c>
      <c r="B27" s="372">
        <v>107598</v>
      </c>
      <c r="C27" s="373">
        <v>1230</v>
      </c>
      <c r="D27" s="374">
        <v>2236</v>
      </c>
      <c r="E27" s="375">
        <v>0</v>
      </c>
      <c r="F27" s="373">
        <v>799</v>
      </c>
      <c r="G27" s="376">
        <v>1426</v>
      </c>
      <c r="H27" s="376">
        <v>0</v>
      </c>
      <c r="I27" s="377">
        <v>11</v>
      </c>
      <c r="J27" s="378">
        <v>0</v>
      </c>
    </row>
    <row r="28" spans="1:10" ht="18.75" customHeight="1" x14ac:dyDescent="0.15">
      <c r="A28" s="355" t="s">
        <v>45</v>
      </c>
      <c r="B28" s="356">
        <v>0</v>
      </c>
      <c r="C28" s="357">
        <v>0</v>
      </c>
      <c r="D28" s="358">
        <v>0</v>
      </c>
      <c r="E28" s="359">
        <v>0</v>
      </c>
      <c r="F28" s="357">
        <v>0</v>
      </c>
      <c r="G28" s="360">
        <v>0</v>
      </c>
      <c r="H28" s="360">
        <v>0</v>
      </c>
      <c r="I28" s="361">
        <v>0</v>
      </c>
      <c r="J28" s="362">
        <v>0</v>
      </c>
    </row>
    <row r="29" spans="1:10" ht="18.75" customHeight="1" x14ac:dyDescent="0.15">
      <c r="A29" s="339" t="s">
        <v>46</v>
      </c>
      <c r="B29" s="340">
        <v>2459</v>
      </c>
      <c r="C29" s="341">
        <v>0</v>
      </c>
      <c r="D29" s="342">
        <v>50</v>
      </c>
      <c r="E29" s="343">
        <v>0</v>
      </c>
      <c r="F29" s="341">
        <v>0</v>
      </c>
      <c r="G29" s="344">
        <v>50</v>
      </c>
      <c r="H29" s="344">
        <v>0</v>
      </c>
      <c r="I29" s="345">
        <v>0</v>
      </c>
      <c r="J29" s="346">
        <v>0</v>
      </c>
    </row>
    <row r="30" spans="1:10" ht="18.75" customHeight="1" x14ac:dyDescent="0.15">
      <c r="A30" s="339" t="s">
        <v>47</v>
      </c>
      <c r="B30" s="340">
        <v>6213</v>
      </c>
      <c r="C30" s="341">
        <v>0</v>
      </c>
      <c r="D30" s="342">
        <v>179</v>
      </c>
      <c r="E30" s="343">
        <v>0</v>
      </c>
      <c r="F30" s="341">
        <v>0</v>
      </c>
      <c r="G30" s="344">
        <v>179</v>
      </c>
      <c r="H30" s="344">
        <v>0</v>
      </c>
      <c r="I30" s="345">
        <v>0</v>
      </c>
      <c r="J30" s="346">
        <v>0</v>
      </c>
    </row>
    <row r="31" spans="1:10" ht="18.75" customHeight="1" thickBot="1" x14ac:dyDescent="0.2">
      <c r="A31" s="363" t="s">
        <v>48</v>
      </c>
      <c r="B31" s="364">
        <v>0</v>
      </c>
      <c r="C31" s="365">
        <v>0</v>
      </c>
      <c r="D31" s="366">
        <v>0</v>
      </c>
      <c r="E31" s="367">
        <v>0</v>
      </c>
      <c r="F31" s="365">
        <v>0</v>
      </c>
      <c r="G31" s="368">
        <v>0</v>
      </c>
      <c r="H31" s="368">
        <v>0</v>
      </c>
      <c r="I31" s="369">
        <v>0</v>
      </c>
      <c r="J31" s="370">
        <v>0</v>
      </c>
    </row>
    <row r="32" spans="1:10" ht="18.75" customHeight="1" x14ac:dyDescent="0.15">
      <c r="A32" s="331" t="s">
        <v>49</v>
      </c>
      <c r="B32" s="332">
        <v>2404</v>
      </c>
      <c r="C32" s="333">
        <v>43</v>
      </c>
      <c r="D32" s="334">
        <v>63</v>
      </c>
      <c r="E32" s="335">
        <v>0</v>
      </c>
      <c r="F32" s="333">
        <v>57</v>
      </c>
      <c r="G32" s="336">
        <v>6</v>
      </c>
      <c r="H32" s="336">
        <v>0</v>
      </c>
      <c r="I32" s="337">
        <v>0</v>
      </c>
      <c r="J32" s="338">
        <v>0</v>
      </c>
    </row>
    <row r="33" spans="1:10" ht="18.75" customHeight="1" x14ac:dyDescent="0.15">
      <c r="A33" s="339" t="s">
        <v>50</v>
      </c>
      <c r="B33" s="340">
        <v>1033</v>
      </c>
      <c r="C33" s="341">
        <v>19</v>
      </c>
      <c r="D33" s="342">
        <v>27</v>
      </c>
      <c r="E33" s="343">
        <v>0</v>
      </c>
      <c r="F33" s="341">
        <v>24</v>
      </c>
      <c r="G33" s="344">
        <v>3</v>
      </c>
      <c r="H33" s="344">
        <v>0</v>
      </c>
      <c r="I33" s="345">
        <v>0</v>
      </c>
      <c r="J33" s="346">
        <v>0</v>
      </c>
    </row>
    <row r="34" spans="1:10" ht="18.75" customHeight="1" x14ac:dyDescent="0.15">
      <c r="A34" s="339" t="s">
        <v>51</v>
      </c>
      <c r="B34" s="340">
        <v>1138</v>
      </c>
      <c r="C34" s="341">
        <v>20</v>
      </c>
      <c r="D34" s="342">
        <v>30</v>
      </c>
      <c r="E34" s="343">
        <v>0</v>
      </c>
      <c r="F34" s="341">
        <v>27</v>
      </c>
      <c r="G34" s="344">
        <v>3</v>
      </c>
      <c r="H34" s="344">
        <v>0</v>
      </c>
      <c r="I34" s="345">
        <v>0</v>
      </c>
      <c r="J34" s="346">
        <v>0</v>
      </c>
    </row>
    <row r="35" spans="1:10" ht="18.75" customHeight="1" x14ac:dyDescent="0.15">
      <c r="A35" s="339" t="s">
        <v>52</v>
      </c>
      <c r="B35" s="340">
        <v>3058</v>
      </c>
      <c r="C35" s="341">
        <v>55</v>
      </c>
      <c r="D35" s="342">
        <v>79</v>
      </c>
      <c r="E35" s="343">
        <v>0</v>
      </c>
      <c r="F35" s="341">
        <v>72</v>
      </c>
      <c r="G35" s="344">
        <v>7</v>
      </c>
      <c r="H35" s="344">
        <v>0</v>
      </c>
      <c r="I35" s="345">
        <v>0</v>
      </c>
      <c r="J35" s="346">
        <v>0</v>
      </c>
    </row>
    <row r="36" spans="1:10" ht="18.75" customHeight="1" thickBot="1" x14ac:dyDescent="0.2">
      <c r="A36" s="347" t="s">
        <v>53</v>
      </c>
      <c r="B36" s="348">
        <v>2334</v>
      </c>
      <c r="C36" s="349">
        <v>42</v>
      </c>
      <c r="D36" s="350">
        <v>61</v>
      </c>
      <c r="E36" s="351">
        <v>0</v>
      </c>
      <c r="F36" s="349">
        <v>55</v>
      </c>
      <c r="G36" s="352">
        <v>6</v>
      </c>
      <c r="H36" s="352">
        <v>0</v>
      </c>
      <c r="I36" s="353">
        <v>0</v>
      </c>
      <c r="J36" s="354">
        <v>0</v>
      </c>
    </row>
    <row r="37" spans="1:10" ht="18.75" customHeight="1" x14ac:dyDescent="0.15">
      <c r="A37" s="355" t="s">
        <v>54</v>
      </c>
      <c r="B37" s="356">
        <v>8927</v>
      </c>
      <c r="C37" s="357">
        <v>0</v>
      </c>
      <c r="D37" s="358">
        <v>440</v>
      </c>
      <c r="E37" s="359">
        <v>0</v>
      </c>
      <c r="F37" s="357">
        <v>0</v>
      </c>
      <c r="G37" s="360">
        <v>440</v>
      </c>
      <c r="H37" s="360">
        <v>0</v>
      </c>
      <c r="I37" s="361">
        <v>0</v>
      </c>
      <c r="J37" s="362">
        <v>0</v>
      </c>
    </row>
    <row r="38" spans="1:10" ht="18.75" customHeight="1" x14ac:dyDescent="0.15">
      <c r="A38" s="339" t="s">
        <v>55</v>
      </c>
      <c r="B38" s="340">
        <v>3502</v>
      </c>
      <c r="C38" s="341">
        <v>0</v>
      </c>
      <c r="D38" s="342">
        <v>6</v>
      </c>
      <c r="E38" s="343">
        <v>0</v>
      </c>
      <c r="F38" s="341">
        <v>0</v>
      </c>
      <c r="G38" s="344">
        <v>6</v>
      </c>
      <c r="H38" s="344">
        <v>0</v>
      </c>
      <c r="I38" s="345">
        <v>0</v>
      </c>
      <c r="J38" s="346">
        <v>0</v>
      </c>
    </row>
    <row r="39" spans="1:10" ht="18.75" customHeight="1" x14ac:dyDescent="0.15">
      <c r="A39" s="339" t="s">
        <v>56</v>
      </c>
      <c r="B39" s="340">
        <v>3799</v>
      </c>
      <c r="C39" s="341">
        <v>0</v>
      </c>
      <c r="D39" s="342">
        <v>7</v>
      </c>
      <c r="E39" s="343">
        <v>0</v>
      </c>
      <c r="F39" s="341">
        <v>0</v>
      </c>
      <c r="G39" s="344">
        <v>7</v>
      </c>
      <c r="H39" s="344">
        <v>0</v>
      </c>
      <c r="I39" s="345">
        <v>0</v>
      </c>
      <c r="J39" s="346">
        <v>0</v>
      </c>
    </row>
    <row r="40" spans="1:10" ht="18.75" customHeight="1" x14ac:dyDescent="0.15">
      <c r="A40" s="339" t="s">
        <v>57</v>
      </c>
      <c r="B40" s="340">
        <v>3913</v>
      </c>
      <c r="C40" s="341">
        <v>0</v>
      </c>
      <c r="D40" s="342">
        <v>94</v>
      </c>
      <c r="E40" s="343">
        <v>76</v>
      </c>
      <c r="F40" s="341">
        <v>0</v>
      </c>
      <c r="G40" s="344">
        <v>18</v>
      </c>
      <c r="H40" s="344">
        <v>0</v>
      </c>
      <c r="I40" s="345">
        <v>0</v>
      </c>
      <c r="J40" s="346">
        <v>0</v>
      </c>
    </row>
    <row r="41" spans="1:10" ht="18.75" customHeight="1" thickBot="1" x14ac:dyDescent="0.2">
      <c r="A41" s="363" t="s">
        <v>58</v>
      </c>
      <c r="B41" s="364">
        <v>169</v>
      </c>
      <c r="C41" s="365">
        <v>0</v>
      </c>
      <c r="D41" s="366">
        <v>4</v>
      </c>
      <c r="E41" s="367">
        <v>0</v>
      </c>
      <c r="F41" s="365">
        <v>0</v>
      </c>
      <c r="G41" s="368">
        <v>4</v>
      </c>
      <c r="H41" s="368">
        <v>0</v>
      </c>
      <c r="I41" s="369">
        <v>0</v>
      </c>
      <c r="J41" s="370">
        <v>0</v>
      </c>
    </row>
    <row r="42" spans="1:10" ht="18.75" customHeight="1" thickBot="1" x14ac:dyDescent="0.2">
      <c r="A42" s="379" t="s">
        <v>182</v>
      </c>
      <c r="B42" s="372">
        <v>38949</v>
      </c>
      <c r="C42" s="373">
        <v>179</v>
      </c>
      <c r="D42" s="374">
        <v>1040</v>
      </c>
      <c r="E42" s="375">
        <v>76</v>
      </c>
      <c r="F42" s="373">
        <v>235</v>
      </c>
      <c r="G42" s="376">
        <v>729</v>
      </c>
      <c r="H42" s="376">
        <v>0</v>
      </c>
      <c r="I42" s="377">
        <v>0</v>
      </c>
      <c r="J42" s="378">
        <v>0</v>
      </c>
    </row>
    <row r="43" spans="1:10" ht="18.75" customHeight="1" thickBot="1" x14ac:dyDescent="0.2">
      <c r="A43" s="371" t="s">
        <v>156</v>
      </c>
      <c r="B43" s="372">
        <v>146547</v>
      </c>
      <c r="C43" s="373">
        <v>1409</v>
      </c>
      <c r="D43" s="374">
        <v>3276</v>
      </c>
      <c r="E43" s="375">
        <v>76</v>
      </c>
      <c r="F43" s="373">
        <v>1034</v>
      </c>
      <c r="G43" s="376">
        <v>2155</v>
      </c>
      <c r="H43" s="376">
        <v>0</v>
      </c>
      <c r="I43" s="377">
        <v>11</v>
      </c>
      <c r="J43" s="378">
        <v>0</v>
      </c>
    </row>
    <row r="44" spans="1:10" ht="16.5" customHeight="1" x14ac:dyDescent="0.15">
      <c r="A44" s="380" t="s">
        <v>183</v>
      </c>
    </row>
    <row r="45" spans="1:10" ht="16.5" customHeight="1" x14ac:dyDescent="0.15">
      <c r="A45" s="380" t="s">
        <v>184</v>
      </c>
    </row>
  </sheetData>
  <mergeCells count="11">
    <mergeCell ref="J5:J7"/>
    <mergeCell ref="A4:A7"/>
    <mergeCell ref="B4:B7"/>
    <mergeCell ref="C4:C7"/>
    <mergeCell ref="D4:D7"/>
    <mergeCell ref="E4:J4"/>
    <mergeCell ref="E5:E7"/>
    <mergeCell ref="F5:F7"/>
    <mergeCell ref="G5:G7"/>
    <mergeCell ref="H5:H7"/>
    <mergeCell ref="I5:I7"/>
  </mergeCells>
  <phoneticPr fontId="2"/>
  <conditionalFormatting sqref="B8:J43">
    <cfRule type="cellIs" dxfId="0" priority="1" stopIfTrue="1" operator="equal">
      <formula>0</formula>
    </cfRule>
  </conditionalFormatting>
  <printOptions horizontalCentered="1"/>
  <pageMargins left="0.59055118110236227" right="0.59055118110236227" top="0.78740157480314965" bottom="0.78740157480314965" header="0.51181102362204722" footer="0.39370078740157483"/>
  <pageSetup paperSize="9" scale="94" fitToHeight="0"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1"/>
  <dimension ref="A2:F45"/>
  <sheetViews>
    <sheetView view="pageBreakPreview" topLeftCell="B1" zoomScale="85" zoomScaleNormal="100" workbookViewId="0">
      <selection activeCell="J23" sqref="J23"/>
    </sheetView>
  </sheetViews>
  <sheetFormatPr defaultColWidth="9" defaultRowHeight="16.5" customHeight="1" x14ac:dyDescent="0.15"/>
  <cols>
    <col min="1" max="1" width="0.875" style="2" hidden="1" customWidth="1"/>
    <col min="2" max="2" width="26.625" style="9" customWidth="1"/>
    <col min="3" max="3" width="20.625" style="2" customWidth="1"/>
    <col min="4" max="6" width="19.625" style="2" customWidth="1"/>
    <col min="7" max="7" width="3.875" style="2" customWidth="1"/>
    <col min="8" max="16384" width="9" style="2"/>
  </cols>
  <sheetData>
    <row r="2" spans="2:6" ht="3" customHeight="1" x14ac:dyDescent="0.15"/>
    <row r="3" spans="2:6" ht="22.5" customHeight="1" thickBot="1" x14ac:dyDescent="0.2">
      <c r="B3" s="381" t="s">
        <v>185</v>
      </c>
      <c r="F3" s="382" t="s">
        <v>186</v>
      </c>
    </row>
    <row r="4" spans="2:6" ht="30" customHeight="1" x14ac:dyDescent="0.15">
      <c r="B4" s="541" t="s">
        <v>187</v>
      </c>
      <c r="C4" s="543" t="s">
        <v>188</v>
      </c>
      <c r="D4" s="541" t="s">
        <v>189</v>
      </c>
      <c r="E4" s="543"/>
      <c r="F4" s="545"/>
    </row>
    <row r="5" spans="2:6" ht="30" customHeight="1" thickBot="1" x14ac:dyDescent="0.2">
      <c r="B5" s="542"/>
      <c r="C5" s="544"/>
      <c r="D5" s="383" t="s">
        <v>190</v>
      </c>
      <c r="E5" s="384" t="s">
        <v>3</v>
      </c>
      <c r="F5" s="385" t="s">
        <v>101</v>
      </c>
    </row>
    <row r="6" spans="2:6" ht="30" customHeight="1" x14ac:dyDescent="0.15">
      <c r="B6" s="546" t="s">
        <v>191</v>
      </c>
      <c r="C6" s="386" t="s">
        <v>40</v>
      </c>
      <c r="D6" s="387">
        <v>468</v>
      </c>
      <c r="E6" s="388">
        <v>2665</v>
      </c>
      <c r="F6" s="389">
        <v>3133</v>
      </c>
    </row>
    <row r="7" spans="2:6" ht="30" customHeight="1" x14ac:dyDescent="0.15">
      <c r="B7" s="547"/>
      <c r="C7" s="390" t="s">
        <v>41</v>
      </c>
      <c r="D7" s="391">
        <v>328</v>
      </c>
      <c r="E7" s="392">
        <v>3101</v>
      </c>
      <c r="F7" s="393">
        <v>3429</v>
      </c>
    </row>
    <row r="8" spans="2:6" ht="30" customHeight="1" x14ac:dyDescent="0.15">
      <c r="B8" s="547"/>
      <c r="C8" s="390" t="s">
        <v>192</v>
      </c>
      <c r="D8" s="391">
        <v>494</v>
      </c>
      <c r="E8" s="392">
        <v>3717</v>
      </c>
      <c r="F8" s="393">
        <v>4211</v>
      </c>
    </row>
    <row r="9" spans="2:6" ht="30" customHeight="1" thickBot="1" x14ac:dyDescent="0.2">
      <c r="B9" s="548"/>
      <c r="C9" s="394" t="s">
        <v>193</v>
      </c>
      <c r="D9" s="395">
        <v>1290</v>
      </c>
      <c r="E9" s="396">
        <v>9483</v>
      </c>
      <c r="F9" s="397">
        <v>10773</v>
      </c>
    </row>
    <row r="10" spans="2:6" ht="30" customHeight="1" x14ac:dyDescent="0.15">
      <c r="B10" s="546" t="s">
        <v>194</v>
      </c>
      <c r="C10" s="386" t="s">
        <v>195</v>
      </c>
      <c r="D10" s="387">
        <v>362</v>
      </c>
      <c r="E10" s="398">
        <v>11494</v>
      </c>
      <c r="F10" s="389">
        <v>11856</v>
      </c>
    </row>
    <row r="11" spans="2:6" ht="30" customHeight="1" x14ac:dyDescent="0.15">
      <c r="B11" s="547"/>
      <c r="C11" s="390" t="s">
        <v>49</v>
      </c>
      <c r="D11" s="391">
        <v>76</v>
      </c>
      <c r="E11" s="392">
        <v>2328</v>
      </c>
      <c r="F11" s="393">
        <v>2404</v>
      </c>
    </row>
    <row r="12" spans="2:6" ht="30" customHeight="1" x14ac:dyDescent="0.15">
      <c r="B12" s="547"/>
      <c r="C12" s="390" t="s">
        <v>196</v>
      </c>
      <c r="D12" s="391">
        <v>47</v>
      </c>
      <c r="E12" s="392">
        <v>986</v>
      </c>
      <c r="F12" s="393">
        <v>1033</v>
      </c>
    </row>
    <row r="13" spans="2:6" ht="30" customHeight="1" x14ac:dyDescent="0.15">
      <c r="B13" s="547"/>
      <c r="C13" s="390" t="s">
        <v>197</v>
      </c>
      <c r="D13" s="391">
        <v>115</v>
      </c>
      <c r="E13" s="392">
        <v>1023</v>
      </c>
      <c r="F13" s="393">
        <v>1138</v>
      </c>
    </row>
    <row r="14" spans="2:6" ht="30" customHeight="1" x14ac:dyDescent="0.15">
      <c r="B14" s="547"/>
      <c r="C14" s="390" t="s">
        <v>52</v>
      </c>
      <c r="D14" s="391">
        <v>440</v>
      </c>
      <c r="E14" s="392">
        <v>2618</v>
      </c>
      <c r="F14" s="393">
        <v>3058</v>
      </c>
    </row>
    <row r="15" spans="2:6" ht="30" customHeight="1" x14ac:dyDescent="0.15">
      <c r="B15" s="547"/>
      <c r="C15" s="390" t="s">
        <v>198</v>
      </c>
      <c r="D15" s="391">
        <v>59</v>
      </c>
      <c r="E15" s="392">
        <v>2275</v>
      </c>
      <c r="F15" s="393">
        <v>2334</v>
      </c>
    </row>
    <row r="16" spans="2:6" ht="30" customHeight="1" thickBot="1" x14ac:dyDescent="0.2">
      <c r="B16" s="548"/>
      <c r="C16" s="394" t="s">
        <v>193</v>
      </c>
      <c r="D16" s="395">
        <v>1099</v>
      </c>
      <c r="E16" s="396">
        <v>20724</v>
      </c>
      <c r="F16" s="397">
        <v>21823</v>
      </c>
    </row>
    <row r="17" spans="2:6" ht="30" customHeight="1" thickBot="1" x14ac:dyDescent="0.2">
      <c r="B17" s="539" t="s">
        <v>199</v>
      </c>
      <c r="C17" s="540"/>
      <c r="D17" s="399">
        <v>2389</v>
      </c>
      <c r="E17" s="400">
        <v>30207</v>
      </c>
      <c r="F17" s="401">
        <v>32596</v>
      </c>
    </row>
    <row r="18" spans="2:6" ht="7.5" customHeight="1" x14ac:dyDescent="0.15"/>
    <row r="19" spans="2:6" ht="15" customHeight="1" x14ac:dyDescent="0.15">
      <c r="B19" s="538" t="s">
        <v>201</v>
      </c>
      <c r="C19" s="538"/>
      <c r="D19" s="538"/>
      <c r="E19" s="538"/>
      <c r="F19" s="538"/>
    </row>
    <row r="20" spans="2:6" ht="15" customHeight="1" x14ac:dyDescent="0.15"/>
    <row r="21" spans="2:6" s="79" customFormat="1" ht="15" customHeight="1" x14ac:dyDescent="0.15"/>
    <row r="37" spans="2:2" ht="16.5" customHeight="1" x14ac:dyDescent="0.15">
      <c r="B37" s="80"/>
    </row>
    <row r="45" spans="2:2" ht="16.5" customHeight="1" x14ac:dyDescent="0.15">
      <c r="B45" s="9" t="s">
        <v>127</v>
      </c>
    </row>
  </sheetData>
  <mergeCells count="7">
    <mergeCell ref="B19:F19"/>
    <mergeCell ref="B17:C17"/>
    <mergeCell ref="B4:B5"/>
    <mergeCell ref="C4:C5"/>
    <mergeCell ref="D4:F4"/>
    <mergeCell ref="B6:B9"/>
    <mergeCell ref="B10:B16"/>
  </mergeCells>
  <phoneticPr fontId="2"/>
  <printOptions horizontalCentered="1"/>
  <pageMargins left="0.59055118110236227" right="0.59055118110236227" top="0.78740157480314965" bottom="0.78740157480314965" header="0.51181102362204722" footer="0.39370078740157483"/>
  <pageSetup paperSize="9" scale="70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表4-1</vt:lpstr>
      <vt:lpstr>表4-2</vt:lpstr>
      <vt:lpstr>表4-3</vt:lpstr>
      <vt:lpstr>表4-4</vt:lpstr>
      <vt:lpstr>表4-5</vt:lpstr>
      <vt:lpstr>表4-6</vt:lpstr>
      <vt:lpstr>表4-7</vt:lpstr>
      <vt:lpstr>'表4-1'!Print_Area</vt:lpstr>
      <vt:lpstr>'表4-2'!Print_Area</vt:lpstr>
      <vt:lpstr>'表4-3'!Print_Area</vt:lpstr>
      <vt:lpstr>'表4-4'!Print_Area</vt:lpstr>
      <vt:lpstr>'表4-5'!Print_Area</vt:lpstr>
      <vt:lpstr>'表4-6'!Print_Area</vt:lpstr>
      <vt:lpstr>'表4-7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資源循環推課指導Ｇ　佐藤　翔</dc:creator>
  <cp:lastModifiedBy>user</cp:lastModifiedBy>
  <cp:lastPrinted>2022-03-08T01:10:40Z</cp:lastPrinted>
  <dcterms:created xsi:type="dcterms:W3CDTF">2016-03-29T02:23:11Z</dcterms:created>
  <dcterms:modified xsi:type="dcterms:W3CDTF">2026-03-31T05:25:48Z</dcterms:modified>
</cp:coreProperties>
</file>